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B21E033" w14:textId="5B7B8391" w:rsidR="00211480" w:rsidRPr="00CB35C9" w:rsidRDefault="00211480" w:rsidP="007541DE">
      <w:pPr>
        <w:tabs>
          <w:tab w:val="left" w:pos="7755"/>
        </w:tabs>
        <w:spacing w:after="0" w:line="240" w:lineRule="auto"/>
        <w:ind w:right="-57"/>
        <w:jc w:val="both"/>
        <w:rPr>
          <w:rFonts w:ascii="Frutiger LT Std 45 Light" w:hAnsi="Frutiger LT Std 45 Light"/>
          <w:b/>
          <w:sz w:val="44"/>
          <w:szCs w:val="44"/>
        </w:rPr>
      </w:pPr>
      <w:r w:rsidRPr="00CB35C9">
        <w:rPr>
          <w:rFonts w:ascii="Frutiger LT Std 45 Light" w:hAnsi="Frutiger LT Std 45 Light"/>
          <w:b/>
          <w:sz w:val="44"/>
          <w:szCs w:val="44"/>
        </w:rPr>
        <w:t xml:space="preserve">CMD </w:t>
      </w:r>
      <w:r w:rsidR="007541DE">
        <w:rPr>
          <w:rFonts w:ascii="Frutiger LT Std 45 Light" w:hAnsi="Frutiger LT Std 45 Light"/>
          <w:b/>
          <w:sz w:val="44"/>
          <w:szCs w:val="44"/>
        </w:rPr>
        <w:t xml:space="preserve">Reach Extended </w:t>
      </w:r>
      <w:r w:rsidRPr="00CB35C9">
        <w:rPr>
          <w:rFonts w:ascii="Frutiger LT Std 45 Light" w:hAnsi="Frutiger LT Std 45 Light"/>
          <w:b/>
          <w:sz w:val="44"/>
          <w:szCs w:val="44"/>
        </w:rPr>
        <w:t xml:space="preserve">Warranty Policy </w:t>
      </w:r>
    </w:p>
    <w:p w14:paraId="3DA2D90C"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2B6D7701"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217B2C72" w14:textId="77777777" w:rsidR="00211480" w:rsidRPr="00CB35C9" w:rsidRDefault="00211480" w:rsidP="00CB35C9">
      <w:pPr>
        <w:tabs>
          <w:tab w:val="left" w:pos="8400"/>
        </w:tabs>
        <w:spacing w:after="0" w:line="240" w:lineRule="auto"/>
        <w:jc w:val="both"/>
        <w:rPr>
          <w:rFonts w:ascii="Frutiger LT Std 45 Light" w:hAnsi="Frutiger LT Std 45 Light"/>
        </w:rPr>
      </w:pPr>
      <w:r w:rsidRPr="00CB35C9">
        <w:rPr>
          <w:rFonts w:ascii="Frutiger LT Std 45 Light" w:hAnsi="Frutiger LT Std 45 Light"/>
        </w:rPr>
        <w:t xml:space="preserve">This warranty is to the exclusion of, and hereby supersedes, all other warranties and representations, </w:t>
      </w:r>
      <w:proofErr w:type="gramStart"/>
      <w:r w:rsidRPr="00CB35C9">
        <w:rPr>
          <w:rFonts w:ascii="Frutiger LT Std 45 Light" w:hAnsi="Frutiger LT Std 45 Light"/>
        </w:rPr>
        <w:t>with the exception of</w:t>
      </w:r>
      <w:proofErr w:type="gramEnd"/>
      <w:r w:rsidRPr="00CB35C9">
        <w:rPr>
          <w:rFonts w:ascii="Frutiger LT Std 45 Light" w:hAnsi="Frutiger LT Std 45 Light"/>
        </w:rPr>
        <w:t xml:space="preserve"> any warranties required and or implied by English Law.  </w:t>
      </w:r>
    </w:p>
    <w:p w14:paraId="0D64C50B" w14:textId="77777777" w:rsidR="00211480" w:rsidRPr="00CB35C9" w:rsidRDefault="00211480" w:rsidP="00CB35C9">
      <w:pPr>
        <w:tabs>
          <w:tab w:val="left" w:pos="8400"/>
        </w:tabs>
        <w:spacing w:after="0" w:line="240" w:lineRule="auto"/>
        <w:jc w:val="both"/>
        <w:rPr>
          <w:rFonts w:ascii="Frutiger LT Std 45 Light" w:hAnsi="Frutiger LT Std 45 Light"/>
        </w:rPr>
      </w:pPr>
    </w:p>
    <w:p w14:paraId="6DE7F03D" w14:textId="20503A7D" w:rsidR="00211480" w:rsidRPr="00CB35C9" w:rsidRDefault="00211480" w:rsidP="00CB35C9">
      <w:pPr>
        <w:tabs>
          <w:tab w:val="left" w:pos="8400"/>
        </w:tabs>
        <w:spacing w:after="0" w:line="240" w:lineRule="auto"/>
        <w:jc w:val="both"/>
        <w:rPr>
          <w:rFonts w:ascii="Frutiger LT Std 45 Light" w:hAnsi="Frutiger LT Std 45 Light"/>
        </w:rPr>
      </w:pPr>
      <w:r w:rsidRPr="00CB35C9">
        <w:rPr>
          <w:rFonts w:ascii="Frutiger LT Std 45 Light" w:hAnsi="Frutiger LT Std 45 Light"/>
        </w:rPr>
        <w:t xml:space="preserve">The Company </w:t>
      </w:r>
      <w:proofErr w:type="gramStart"/>
      <w:r w:rsidRPr="00CB35C9">
        <w:rPr>
          <w:rFonts w:ascii="Frutiger LT Std 45 Light" w:hAnsi="Frutiger LT Std 45 Light"/>
        </w:rPr>
        <w:t>warrants  that</w:t>
      </w:r>
      <w:proofErr w:type="gramEnd"/>
      <w:r w:rsidRPr="00CB35C9">
        <w:rPr>
          <w:rFonts w:ascii="Frutiger LT Std 45 Light" w:hAnsi="Frutiger LT Std 45 Light"/>
        </w:rPr>
        <w:t xml:space="preserve">, for the period of </w:t>
      </w:r>
      <w:r w:rsidR="007541DE">
        <w:rPr>
          <w:rFonts w:ascii="Frutiger LT Std 45 Light" w:hAnsi="Frutiger LT Std 45 Light"/>
        </w:rPr>
        <w:t>ten</w:t>
      </w:r>
      <w:r w:rsidRPr="00CB35C9">
        <w:rPr>
          <w:rFonts w:ascii="Frutiger LT Std 45 Light" w:hAnsi="Frutiger LT Std 45 Light"/>
        </w:rPr>
        <w:t xml:space="preserve"> (1</w:t>
      </w:r>
      <w:r w:rsidR="007541DE">
        <w:rPr>
          <w:rFonts w:ascii="Frutiger LT Std 45 Light" w:hAnsi="Frutiger LT Std 45 Light"/>
        </w:rPr>
        <w:t>0</w:t>
      </w:r>
      <w:r w:rsidRPr="00CB35C9">
        <w:rPr>
          <w:rFonts w:ascii="Frutiger LT Std 45 Light" w:hAnsi="Frutiger LT Std 45 Light"/>
        </w:rPr>
        <w:t xml:space="preserve">) </w:t>
      </w:r>
      <w:r w:rsidR="007541DE">
        <w:rPr>
          <w:rFonts w:ascii="Frutiger LT Std 45 Light" w:hAnsi="Frutiger LT Std 45 Light"/>
        </w:rPr>
        <w:t>years</w:t>
      </w:r>
      <w:r w:rsidRPr="00CB35C9">
        <w:rPr>
          <w:rFonts w:ascii="Frutiger LT Std 45 Light" w:hAnsi="Frutiger LT Std 45 Light"/>
        </w:rPr>
        <w:t xml:space="preserve"> from the date of delivery to the Buyer (“Warranty Period”) its Goods will be free from defects in material and workmanship and agrees, at its option, to repair or replace those parts which are confirmed as defective by the Company, subject to the following terms and conditions:-</w:t>
      </w:r>
    </w:p>
    <w:p w14:paraId="75F84BAB" w14:textId="77777777" w:rsidR="00211480" w:rsidRPr="00CB35C9" w:rsidRDefault="00211480" w:rsidP="00CB35C9">
      <w:pPr>
        <w:tabs>
          <w:tab w:val="left" w:pos="8400"/>
        </w:tabs>
        <w:spacing w:after="0" w:line="240" w:lineRule="auto"/>
        <w:jc w:val="both"/>
        <w:rPr>
          <w:rFonts w:ascii="Frutiger LT Std 45 Light" w:hAnsi="Frutiger LT Std 45 Light"/>
        </w:rPr>
      </w:pPr>
    </w:p>
    <w:p w14:paraId="517BD488" w14:textId="77777777" w:rsidR="00211480" w:rsidRPr="00CB35C9" w:rsidRDefault="00211480" w:rsidP="00CB35C9">
      <w:pPr>
        <w:tabs>
          <w:tab w:val="left" w:pos="8400"/>
        </w:tabs>
        <w:spacing w:after="0" w:line="240" w:lineRule="auto"/>
        <w:jc w:val="both"/>
        <w:rPr>
          <w:rFonts w:ascii="Frutiger LT Std 45 Light" w:hAnsi="Frutiger LT Std 45 Light"/>
          <w:b/>
        </w:rPr>
      </w:pPr>
      <w:r w:rsidRPr="00CB35C9">
        <w:rPr>
          <w:rFonts w:ascii="Frutiger LT Std 45 Light" w:hAnsi="Frutiger LT Std 45 Light"/>
          <w:b/>
        </w:rPr>
        <w:t xml:space="preserve">Coverage Limitation </w:t>
      </w:r>
    </w:p>
    <w:p w14:paraId="16955786"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7A4B7BA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a) This warranty is only valid and exercisable by the original purchaser of new Goods from the Company who has paid the full contract price for the Goods and subject to the Warranty Conditions set out below.</w:t>
      </w:r>
    </w:p>
    <w:p w14:paraId="3CD3BCEA"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b) This warranty is not transferable. </w:t>
      </w:r>
    </w:p>
    <w:p w14:paraId="2203319B"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c) If notified of a defect within the Warranty Period, the Company shall, subject to the limitation of liability provisions contained herein, at its sole option, either repair or replace all non-consumable parts found to be defective, under the guidelines herein, free of charge. The Company’s entire liability for any defective Goods shall in no event exceed the purchase price of the defective Goods. The Company reserves the right to determine whether the part is a consumable or a non-consumable part and whether the Goods or parts are defective.  </w:t>
      </w:r>
    </w:p>
    <w:p w14:paraId="6F92BD8E"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d) This warranty does not entitle the Buyer to upgrade to newer models or to product enhancements.</w:t>
      </w:r>
    </w:p>
    <w:p w14:paraId="6B7EDDE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e) The Company shall not be liable for any cost or expense incurred which does not arise from a defect covered by this warranty. The Company shall be entitled to charge for any labour costs such as inspection, normal servicing, reinstalling, transportation charges or any other expense </w:t>
      </w:r>
      <w:proofErr w:type="gramStart"/>
      <w:r w:rsidRPr="00CB35C9">
        <w:rPr>
          <w:rFonts w:ascii="Frutiger LT Std 45 Light" w:hAnsi="Frutiger LT Std 45 Light"/>
        </w:rPr>
        <w:t>incurred</w:t>
      </w:r>
      <w:proofErr w:type="gramEnd"/>
      <w:r w:rsidRPr="00CB35C9">
        <w:rPr>
          <w:rFonts w:ascii="Frutiger LT Std 45 Light" w:hAnsi="Frutiger LT Std 45 Light"/>
        </w:rPr>
        <w:t xml:space="preserve"> or service requested which is not covered under the terms of this warranty. </w:t>
      </w:r>
    </w:p>
    <w:p w14:paraId="7D13E7B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f) In the event that the Goods required for replacement are no longer in production and/or are obsolete, the Company will attempt to repair or replace the Goods with similar or like parts of equal value.  </w:t>
      </w:r>
    </w:p>
    <w:p w14:paraId="7FAD60F8"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g) Following authorisation by the Company, </w:t>
      </w:r>
      <w:proofErr w:type="gramStart"/>
      <w:r w:rsidRPr="00CB35C9">
        <w:rPr>
          <w:rFonts w:ascii="Frutiger LT Std 45 Light" w:hAnsi="Frutiger LT Std 45 Light"/>
        </w:rPr>
        <w:t>Goods</w:t>
      </w:r>
      <w:proofErr w:type="gramEnd"/>
      <w:r w:rsidRPr="00CB35C9">
        <w:rPr>
          <w:rFonts w:ascii="Frutiger LT Std 45 Light" w:hAnsi="Frutiger LT Std 45 Light"/>
        </w:rPr>
        <w:t xml:space="preserve"> purchased on a supply only basis which are claimed to be defective should be returned by the Buyer at their own cost to the Company or any Company designee, notified to the Buyer, for inspection. If found to be defective under the terms of this warranty, either repair or replacement of the defective Goods will be made and returned to Buyer at the Company’s cost.</w:t>
      </w:r>
    </w:p>
    <w:p w14:paraId="396E1649" w14:textId="77777777" w:rsidR="00211480" w:rsidRPr="00CB35C9" w:rsidRDefault="00211480" w:rsidP="00CB35C9">
      <w:pPr>
        <w:tabs>
          <w:tab w:val="left" w:pos="8400"/>
        </w:tabs>
        <w:spacing w:after="0" w:line="240" w:lineRule="auto"/>
        <w:jc w:val="both"/>
        <w:rPr>
          <w:rFonts w:ascii="Frutiger LT Std 45 Light" w:hAnsi="Frutiger LT Std 45 Light"/>
          <w:b/>
        </w:rPr>
      </w:pPr>
      <w:r w:rsidRPr="00CB35C9">
        <w:rPr>
          <w:rFonts w:ascii="Frutiger LT Std 45 Light" w:hAnsi="Frutiger LT Std 45 Light"/>
          <w:b/>
        </w:rPr>
        <w:lastRenderedPageBreak/>
        <w:t xml:space="preserve">Warranty Conditions </w:t>
      </w:r>
    </w:p>
    <w:p w14:paraId="4F59C2AA"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418DCCEC"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The above limited warranty is subject to the following conditions: </w:t>
      </w:r>
    </w:p>
    <w:p w14:paraId="77FB596A" w14:textId="77777777" w:rsidR="00211480" w:rsidRPr="00CB35C9" w:rsidRDefault="00211480" w:rsidP="00CB35C9">
      <w:pPr>
        <w:spacing w:after="0" w:line="240" w:lineRule="auto"/>
        <w:jc w:val="both"/>
        <w:rPr>
          <w:rFonts w:ascii="Frutiger LT Std 45 Light" w:hAnsi="Frutiger LT Std 45 Light"/>
        </w:rPr>
      </w:pPr>
    </w:p>
    <w:p w14:paraId="00A235FE"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a) The Company warrants Goods to be free from defects in material or workmanship only under normal operation and/or in accordance with the manufacturer's specification/operation manual. </w:t>
      </w:r>
    </w:p>
    <w:p w14:paraId="69FDF5C3" w14:textId="77777777" w:rsidR="00211480" w:rsidRPr="00CB35C9" w:rsidRDefault="00211480" w:rsidP="00CB35C9">
      <w:pPr>
        <w:spacing w:after="0" w:line="240" w:lineRule="auto"/>
        <w:jc w:val="both"/>
        <w:rPr>
          <w:rFonts w:ascii="Frutiger LT Std 45 Light" w:hAnsi="Frutiger LT Std 45 Light"/>
        </w:rPr>
      </w:pPr>
    </w:p>
    <w:p w14:paraId="4ECA254A"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b) The warranty covers the Goods as supplied and shall not be applicable for any modifications, incorrect installations or deviation from the specification made by the Buyer or by any third party.</w:t>
      </w:r>
    </w:p>
    <w:p w14:paraId="3C0558F5" w14:textId="77777777" w:rsidR="00211480" w:rsidRPr="00CB35C9" w:rsidRDefault="00211480" w:rsidP="00CB35C9">
      <w:pPr>
        <w:spacing w:after="0" w:line="240" w:lineRule="auto"/>
        <w:jc w:val="both"/>
        <w:rPr>
          <w:rFonts w:ascii="Frutiger LT Std 45 Light" w:hAnsi="Frutiger LT Std 45 Light"/>
        </w:rPr>
      </w:pPr>
    </w:p>
    <w:p w14:paraId="34327703"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c) The warranty does not extend to damage caused by:</w:t>
      </w:r>
    </w:p>
    <w:p w14:paraId="0F0C76EC"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Liquid Spillage, acid or other chemical contaminants causing fouling, blockages or damage to the Goods </w:t>
      </w:r>
      <w:proofErr w:type="gramStart"/>
      <w:r w:rsidRPr="00CB35C9">
        <w:rPr>
          <w:rFonts w:ascii="Frutiger LT Std 45 Light" w:hAnsi="Frutiger LT Std 45 Light"/>
          <w:sz w:val="22"/>
          <w:szCs w:val="22"/>
        </w:rPr>
        <w:t>themselves;</w:t>
      </w:r>
      <w:proofErr w:type="gramEnd"/>
    </w:p>
    <w:p w14:paraId="6C3B047D"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Non-compliance with the manufacturer's recommendations and parameters stated in the installation and operation manual supplied with the Goods or otherwise notified to the </w:t>
      </w:r>
      <w:proofErr w:type="gramStart"/>
      <w:r w:rsidRPr="00CB35C9">
        <w:rPr>
          <w:rFonts w:ascii="Frutiger LT Std 45 Light" w:hAnsi="Frutiger LT Std 45 Light"/>
          <w:sz w:val="22"/>
          <w:szCs w:val="22"/>
        </w:rPr>
        <w:t>Buyer;</w:t>
      </w:r>
      <w:proofErr w:type="gramEnd"/>
    </w:p>
    <w:p w14:paraId="2F281790"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Insect or vermin </w:t>
      </w:r>
      <w:proofErr w:type="gramStart"/>
      <w:r w:rsidRPr="00CB35C9">
        <w:rPr>
          <w:rFonts w:ascii="Frutiger LT Std 45 Light" w:hAnsi="Frutiger LT Std 45 Light"/>
          <w:sz w:val="22"/>
          <w:szCs w:val="22"/>
        </w:rPr>
        <w:t>infestation;</w:t>
      </w:r>
      <w:proofErr w:type="gramEnd"/>
    </w:p>
    <w:p w14:paraId="301CB55F"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Attempted installation or repair by anyone other than a certified Company </w:t>
      </w:r>
      <w:proofErr w:type="gramStart"/>
      <w:r w:rsidRPr="00CB35C9">
        <w:rPr>
          <w:rFonts w:ascii="Frutiger LT Std 45 Light" w:hAnsi="Frutiger LT Std 45 Light"/>
          <w:sz w:val="22"/>
          <w:szCs w:val="22"/>
        </w:rPr>
        <w:t>technician;</w:t>
      </w:r>
      <w:proofErr w:type="gramEnd"/>
      <w:r w:rsidRPr="00CB35C9">
        <w:rPr>
          <w:rFonts w:ascii="Frutiger LT Std 45 Light" w:hAnsi="Frutiger LT Std 45 Light"/>
          <w:sz w:val="22"/>
          <w:szCs w:val="22"/>
        </w:rPr>
        <w:t xml:space="preserve"> </w:t>
      </w:r>
    </w:p>
    <w:p w14:paraId="5866D0FB"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Faulty installation, repair or servicing by the Buyer or any third party including but not limited to: - shortfalls in installation practices; connection of electrical supplies not of the specified voltage or frequency; poor commissioning techniques; lack of adequate scheduled or preventative </w:t>
      </w:r>
      <w:proofErr w:type="gramStart"/>
      <w:r w:rsidRPr="00CB35C9">
        <w:rPr>
          <w:rFonts w:ascii="Frutiger LT Std 45 Light" w:hAnsi="Frutiger LT Std 45 Light"/>
          <w:sz w:val="22"/>
          <w:szCs w:val="22"/>
        </w:rPr>
        <w:t>maintenance;</w:t>
      </w:r>
      <w:proofErr w:type="gramEnd"/>
      <w:r w:rsidRPr="00CB35C9">
        <w:rPr>
          <w:rFonts w:ascii="Frutiger LT Std 45 Light" w:hAnsi="Frutiger LT Std 45 Light"/>
          <w:sz w:val="22"/>
          <w:szCs w:val="22"/>
        </w:rPr>
        <w:t xml:space="preserve"> </w:t>
      </w:r>
    </w:p>
    <w:p w14:paraId="7B6C145B"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Changes in the normal settings of the </w:t>
      </w:r>
      <w:proofErr w:type="gramStart"/>
      <w:r w:rsidRPr="00CB35C9">
        <w:rPr>
          <w:rFonts w:ascii="Frutiger LT Std 45 Light" w:hAnsi="Frutiger LT Std 45 Light"/>
          <w:sz w:val="22"/>
          <w:szCs w:val="22"/>
        </w:rPr>
        <w:t>Goods;</w:t>
      </w:r>
      <w:proofErr w:type="gramEnd"/>
    </w:p>
    <w:p w14:paraId="7C55EBD4"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due to alteration by or on behalf of the Buyer, installer or end </w:t>
      </w:r>
      <w:proofErr w:type="gramStart"/>
      <w:r w:rsidRPr="00CB35C9">
        <w:rPr>
          <w:rFonts w:ascii="Frutiger LT Std 45 Light" w:hAnsi="Frutiger LT Std 45 Light"/>
          <w:sz w:val="22"/>
          <w:szCs w:val="22"/>
        </w:rPr>
        <w:t>user;</w:t>
      </w:r>
      <w:proofErr w:type="gramEnd"/>
      <w:r w:rsidRPr="00CB35C9">
        <w:rPr>
          <w:rFonts w:ascii="Frutiger LT Std 45 Light" w:hAnsi="Frutiger LT Std 45 Light"/>
          <w:sz w:val="22"/>
          <w:szCs w:val="22"/>
        </w:rPr>
        <w:t xml:space="preserve"> </w:t>
      </w:r>
    </w:p>
    <w:p w14:paraId="07451F20"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to parts and/or Goods due to abuse, misuse, accident, improper maintenance, mishandling or use in violation of manufacturer's specifications or user instructions provided by or on behalf of the </w:t>
      </w:r>
      <w:proofErr w:type="gramStart"/>
      <w:r w:rsidRPr="00CB35C9">
        <w:rPr>
          <w:rFonts w:ascii="Frutiger LT Std 45 Light" w:hAnsi="Frutiger LT Std 45 Light"/>
          <w:sz w:val="22"/>
          <w:szCs w:val="22"/>
        </w:rPr>
        <w:t>Company;</w:t>
      </w:r>
      <w:proofErr w:type="gramEnd"/>
      <w:r w:rsidRPr="00CB35C9">
        <w:rPr>
          <w:rFonts w:ascii="Frutiger LT Std 45 Light" w:hAnsi="Frutiger LT Std 45 Light"/>
          <w:sz w:val="22"/>
          <w:szCs w:val="22"/>
        </w:rPr>
        <w:t xml:space="preserve"> </w:t>
      </w:r>
    </w:p>
    <w:p w14:paraId="01C7D2E4"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due to improper packaging or re-packing by a third </w:t>
      </w:r>
      <w:proofErr w:type="gramStart"/>
      <w:r w:rsidRPr="00CB35C9">
        <w:rPr>
          <w:rFonts w:ascii="Frutiger LT Std 45 Light" w:hAnsi="Frutiger LT Std 45 Light"/>
          <w:sz w:val="22"/>
          <w:szCs w:val="22"/>
        </w:rPr>
        <w:t>party;</w:t>
      </w:r>
      <w:proofErr w:type="gramEnd"/>
    </w:p>
    <w:p w14:paraId="69F21425"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Damage occasioned by the Buyer or any third party or caused by conditions beyond the Company's reasonable control including, but not limited to Acts of God, Government restrictions (including the denial or cancellation of any export or other necessary license), vandalism, wars, acts of terrorism, insurrections.</w:t>
      </w:r>
    </w:p>
    <w:p w14:paraId="06FBCCCD" w14:textId="77777777" w:rsidR="00211480" w:rsidRPr="00CB35C9" w:rsidRDefault="00211480" w:rsidP="00CB35C9">
      <w:pPr>
        <w:spacing w:after="0" w:line="240" w:lineRule="auto"/>
        <w:jc w:val="both"/>
        <w:rPr>
          <w:rFonts w:ascii="Frutiger LT Std 45 Light" w:hAnsi="Frutiger LT Std 45 Light"/>
        </w:rPr>
      </w:pPr>
    </w:p>
    <w:p w14:paraId="04EC9A89"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d) Warranties can only be honoured if the Goods were purchased as new direct from the Company and the Goods are installed within the United Kingdom.</w:t>
      </w:r>
    </w:p>
    <w:p w14:paraId="03F126E1" w14:textId="77777777" w:rsidR="00211480" w:rsidRPr="00CB35C9" w:rsidRDefault="00211480" w:rsidP="00CB35C9">
      <w:pPr>
        <w:spacing w:after="0" w:line="240" w:lineRule="auto"/>
        <w:jc w:val="both"/>
        <w:rPr>
          <w:rFonts w:ascii="Frutiger LT Std 45 Light" w:hAnsi="Frutiger LT Std 45 Light"/>
        </w:rPr>
      </w:pPr>
    </w:p>
    <w:p w14:paraId="556D468D"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e) Any replacement Goods furnished at no cost to the Buyer in fulfilment of this warranty are warranted only for the unexpired portion of the original Warranty Period. Any service or repair provided outside the scope of this limited warranty shall be at the Company's rates and terms then in effect. </w:t>
      </w:r>
    </w:p>
    <w:p w14:paraId="5C386DA2" w14:textId="77777777" w:rsidR="00211480" w:rsidRPr="00CB35C9" w:rsidRDefault="00211480" w:rsidP="00CB35C9">
      <w:pPr>
        <w:spacing w:after="0" w:line="240" w:lineRule="auto"/>
        <w:jc w:val="both"/>
        <w:rPr>
          <w:rFonts w:ascii="Frutiger LT Std 45 Light" w:hAnsi="Frutiger LT Std 45 Light"/>
        </w:rPr>
      </w:pPr>
    </w:p>
    <w:p w14:paraId="7BD2B498"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f) Under no circumstances is the Company obligated or responsible, under its terms of warranty, for any additional component built in, </w:t>
      </w:r>
      <w:proofErr w:type="gramStart"/>
      <w:r w:rsidRPr="00CB35C9">
        <w:rPr>
          <w:rFonts w:ascii="Frutiger LT Std 45 Light" w:hAnsi="Frutiger LT Std 45 Light"/>
        </w:rPr>
        <w:t>bundled</w:t>
      </w:r>
      <w:proofErr w:type="gramEnd"/>
      <w:r w:rsidRPr="00CB35C9">
        <w:rPr>
          <w:rFonts w:ascii="Frutiger LT Std 45 Light" w:hAnsi="Frutiger LT Std 45 Light"/>
        </w:rPr>
        <w:t xml:space="preserve"> or otherwise attached to the original Goods. In addition, the </w:t>
      </w:r>
      <w:r w:rsidRPr="00CB35C9">
        <w:rPr>
          <w:rFonts w:ascii="Frutiger LT Std 45 Light" w:hAnsi="Frutiger LT Std 45 Light"/>
        </w:rPr>
        <w:lastRenderedPageBreak/>
        <w:t>Company is not liable for warranty on any Goods or parts thereof that have been damaged as a direct or indirect result of Buyer's "Value Added Feature" or other building or service feature.</w:t>
      </w:r>
    </w:p>
    <w:p w14:paraId="37BDEA77" w14:textId="77777777" w:rsidR="00EC4486" w:rsidRPr="00CB35C9" w:rsidRDefault="00EC4486" w:rsidP="00CB35C9">
      <w:pPr>
        <w:spacing w:after="0" w:line="240" w:lineRule="auto"/>
        <w:jc w:val="both"/>
        <w:rPr>
          <w:rFonts w:ascii="Frutiger LT Std 45 Light" w:hAnsi="Frutiger LT Std 45 Light"/>
        </w:rPr>
      </w:pPr>
    </w:p>
    <w:p w14:paraId="5D6715C4" w14:textId="18315606"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g) NORMAL "WEAR AND TEAR" IS NOT COVERED BY THIS WARRANTY. FURTHER, THE COMPANY HEREBY RESERVES THE RIGHT TO DETERMINE "WEAR AND TEAR" ON ANY AND ALL GOODS. </w:t>
      </w:r>
    </w:p>
    <w:p w14:paraId="56BAE56E" w14:textId="77777777" w:rsidR="00211480" w:rsidRPr="00CB35C9" w:rsidRDefault="00211480" w:rsidP="00CB35C9">
      <w:pPr>
        <w:spacing w:after="0" w:line="240" w:lineRule="auto"/>
        <w:jc w:val="both"/>
        <w:rPr>
          <w:rFonts w:ascii="Frutiger LT Std 45 Light" w:hAnsi="Frutiger LT Std 45 Light"/>
        </w:rPr>
      </w:pPr>
    </w:p>
    <w:p w14:paraId="5B009602"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h) To Obtain Warranty Service, please contact the CMD Sales Department at Tel No: - 01709 829511 Monday through Friday United Kingdom during UK working hours (9.00 a.m. to 5:00 p.m.) to determine the nature of the problem. PLEASE BE ADVISED THAT THE COMPANY IS NOT LIABLE FOR ANY DAMAGE CAUSED BY ANY THIRD PARTY WHO MAY HAVE BEEN EMPLOYED BY THE BUYER TO </w:t>
      </w:r>
      <w:proofErr w:type="gramStart"/>
      <w:r w:rsidRPr="00CB35C9">
        <w:rPr>
          <w:rFonts w:ascii="Frutiger LT Std 45 Light" w:hAnsi="Frutiger LT Std 45 Light"/>
        </w:rPr>
        <w:t>INSTALL, OR</w:t>
      </w:r>
      <w:proofErr w:type="gramEnd"/>
      <w:r w:rsidRPr="00CB35C9">
        <w:rPr>
          <w:rFonts w:ascii="Frutiger LT Std 45 Light" w:hAnsi="Frutiger LT Std 45 Light"/>
        </w:rPr>
        <w:t xml:space="preserve"> MAINTAIN THE GOODS. TAMPERING OR REMOVING THE SERIAL NUMBER ON THE GOODS WILL VOID THIS WARRANTY IN ITS ENTIRETY.</w:t>
      </w:r>
    </w:p>
    <w:p w14:paraId="4087BDE4" w14:textId="77777777" w:rsidR="00211480" w:rsidRPr="00CB35C9" w:rsidRDefault="00211480" w:rsidP="00CB35C9">
      <w:pPr>
        <w:spacing w:after="0" w:line="240" w:lineRule="auto"/>
        <w:jc w:val="both"/>
        <w:rPr>
          <w:rFonts w:ascii="Frutiger LT Std 45 Light" w:hAnsi="Frutiger LT Std 45 Light"/>
        </w:rPr>
      </w:pPr>
    </w:p>
    <w:p w14:paraId="328CB4A3"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w:t>
      </w:r>
      <w:proofErr w:type="spellStart"/>
      <w:r w:rsidRPr="00CB35C9">
        <w:rPr>
          <w:rFonts w:ascii="Frutiger LT Std 45 Light" w:hAnsi="Frutiger LT Std 45 Light"/>
        </w:rPr>
        <w:t>i</w:t>
      </w:r>
      <w:proofErr w:type="spellEnd"/>
      <w:r w:rsidRPr="00CB35C9">
        <w:rPr>
          <w:rFonts w:ascii="Frutiger LT Std 45 Light" w:hAnsi="Frutiger LT Std 45 Light"/>
        </w:rPr>
        <w:t xml:space="preserve">) Save to the extent expressly set out in these Sale Terms and to the extent permitted by law, the Company is not responsible for damages of any kind including, but not limited to, direct or indirect damages, lost profits, lost savings, or any special incidental, exemplary, punitive or consequential damages whether for breach of contract, tort or otherwise, or whether arising out of the use of or inability to use the Goods, even if the Company or any dealer, distributor or authorized service provider/partner has advised of the possibility of such damages, or any claim by any other party. </w:t>
      </w:r>
    </w:p>
    <w:p w14:paraId="5AFA9EC4" w14:textId="77777777" w:rsidR="00211480" w:rsidRPr="00CB35C9" w:rsidRDefault="00211480" w:rsidP="00CB35C9">
      <w:pPr>
        <w:spacing w:after="0" w:line="240" w:lineRule="auto"/>
        <w:jc w:val="both"/>
        <w:rPr>
          <w:rFonts w:ascii="Frutiger LT Std 45 Light" w:hAnsi="Frutiger LT Std 45 Light"/>
        </w:rPr>
      </w:pPr>
    </w:p>
    <w:p w14:paraId="5BA99EF7"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j) NOTWITHSTANDING ANYTHING HEREIN TO THE CONTRARY AND TO THE EXTENT PERMITTED BY LAW, THE COMPANY'S ENTIRE LIABILITY TO THE BUYER, WHETHER PURSUANT TO ANY PROVISION OF THESE SALE TERMS, THE CONTRACT, ANY INDEMNITY, OR OTHERWISE IN CONTRACT, TORT OR OTHERWISE HOWSOEVER, SHALL BE AN AMOUNT EQUAL TO THE AMOUNTS ACTUALLY PAID BY THE BUYER TO THE COMPANY FOR THE GOODS WHICH ARE THE SUBJECT OF THE CLAIM FOR LIABILITY.</w:t>
      </w:r>
    </w:p>
    <w:p w14:paraId="6CB4C33C" w14:textId="77777777" w:rsidR="00101440" w:rsidRPr="00CB35C9" w:rsidRDefault="00101440" w:rsidP="00101440">
      <w:pPr>
        <w:spacing w:after="0" w:line="240" w:lineRule="auto"/>
        <w:jc w:val="both"/>
        <w:rPr>
          <w:rFonts w:ascii="Frutiger LT Std 45 Light" w:hAnsi="Frutiger LT Std 45 Light"/>
          <w:b/>
        </w:rPr>
      </w:pPr>
    </w:p>
    <w:p w14:paraId="6191F477" w14:textId="1DB24586" w:rsidR="006810E6" w:rsidRPr="00CB35C9" w:rsidRDefault="006810E6" w:rsidP="00CB35C9">
      <w:pPr>
        <w:jc w:val="both"/>
      </w:pPr>
    </w:p>
    <w:sectPr w:rsidR="006810E6" w:rsidRPr="00CB35C9" w:rsidSect="009D5C3F">
      <w:headerReference w:type="default" r:id="rId8"/>
      <w:footerReference w:type="default" r:id="rId9"/>
      <w:pgSz w:w="12240" w:h="15840"/>
      <w:pgMar w:top="2410" w:right="1134" w:bottom="2552" w:left="1134" w:header="709" w:footer="60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435B623" w14:textId="77777777" w:rsidR="000262F2" w:rsidRDefault="000262F2" w:rsidP="001273F9">
      <w:pPr>
        <w:spacing w:after="0" w:line="240" w:lineRule="auto"/>
      </w:pPr>
      <w:r>
        <w:separator/>
      </w:r>
    </w:p>
  </w:endnote>
  <w:endnote w:type="continuationSeparator" w:id="0">
    <w:p w14:paraId="7DCF0E46" w14:textId="77777777" w:rsidR="000262F2" w:rsidRDefault="000262F2" w:rsidP="001273F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inion Pro">
    <w:altName w:val="Times New Roman"/>
    <w:panose1 w:val="00000000000000000000"/>
    <w:charset w:val="00"/>
    <w:family w:val="roman"/>
    <w:notTrueType/>
    <w:pitch w:val="variable"/>
    <w:sig w:usb0="00000001" w:usb1="00000001" w:usb2="00000000" w:usb3="00000000" w:csb0="0000019F" w:csb1="00000000"/>
  </w:font>
  <w:font w:name="Frutiger LT Std 45 Light">
    <w:panose1 w:val="020B0402020204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E932AF" w14:textId="423A6469" w:rsidR="00513685" w:rsidRPr="004E204B" w:rsidRDefault="009A195B" w:rsidP="00513685">
    <w:pPr>
      <w:pStyle w:val="Footer"/>
      <w:rPr>
        <w:sz w:val="18"/>
      </w:rPr>
    </w:pPr>
    <w:r w:rsidRPr="009A195B">
      <w:rPr>
        <w:noProof/>
        <w:sz w:val="18"/>
      </w:rPr>
      <mc:AlternateContent>
        <mc:Choice Requires="wps">
          <w:drawing>
            <wp:anchor distT="0" distB="0" distL="114300" distR="114300" simplePos="0" relativeHeight="251664384" behindDoc="0" locked="0" layoutInCell="1" allowOverlap="1" wp14:anchorId="59BCF0C2" wp14:editId="623FA453">
              <wp:simplePos x="0" y="0"/>
              <wp:positionH relativeFrom="margin">
                <wp:posOffset>5424170</wp:posOffset>
              </wp:positionH>
              <wp:positionV relativeFrom="paragraph">
                <wp:posOffset>-333375</wp:posOffset>
              </wp:positionV>
              <wp:extent cx="988695" cy="293370"/>
              <wp:effectExtent l="0" t="0" r="0" b="0"/>
              <wp:wrapNone/>
              <wp:docPr id="30" name="Text Box 30"/>
              <wp:cNvGraphicFramePr/>
              <a:graphic xmlns:a="http://schemas.openxmlformats.org/drawingml/2006/main">
                <a:graphicData uri="http://schemas.microsoft.com/office/word/2010/wordprocessingShape">
                  <wps:wsp>
                    <wps:cNvSpPr txBox="1"/>
                    <wps:spPr>
                      <a:xfrm>
                        <a:off x="0" y="0"/>
                        <a:ext cx="988695" cy="293370"/>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4A0A8DB2" w14:textId="2A927CAE"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w:t>
                          </w:r>
                          <w:r w:rsidR="00034050">
                            <w:rPr>
                              <w:rFonts w:ascii="Frutiger LT Std 45 Light" w:hAnsi="Frutiger LT Std 45 Light"/>
                              <w:sz w:val="12"/>
                              <w:szCs w:val="12"/>
                            </w:rPr>
                            <w:t>S</w:t>
                          </w:r>
                          <w:r>
                            <w:rPr>
                              <w:rFonts w:ascii="Frutiger LT Std 45 Light" w:hAnsi="Frutiger LT Std 45 Light"/>
                              <w:sz w:val="12"/>
                              <w:szCs w:val="12"/>
                            </w:rPr>
                            <w:t xml:space="preserve">. </w:t>
                          </w:r>
                          <w:r w:rsidR="00034050">
                            <w:rPr>
                              <w:rFonts w:ascii="Frutiger LT Std 45 Light" w:hAnsi="Frutiger LT Std 45 Light"/>
                              <w:sz w:val="12"/>
                              <w:szCs w:val="12"/>
                            </w:rPr>
                            <w:t>Roberts</w:t>
                          </w:r>
                        </w:p>
                        <w:p w14:paraId="11EAD16A" w14:textId="28AFCE0B"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Approv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J. Holding</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59BCF0C2" id="_x0000_t202" coordsize="21600,21600" o:spt="202" path="m,l,21600r21600,l21600,xe">
              <v:stroke joinstyle="miter"/>
              <v:path gradientshapeok="t" o:connecttype="rect"/>
            </v:shapetype>
            <v:shape id="Text Box 30" o:spid="_x0000_s1026" type="#_x0000_t202" style="position:absolute;margin-left:427.1pt;margin-top:-26.25pt;width:77.85pt;height:23.1pt;z-index:25166438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" filled="f" stroked="f" strokeweight=".5pt">
              <v:textbox>
                <w:txbxContent>
                  <w:p w14:paraId="4A0A8DB2" w14:textId="2A927CAE"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w:t>
                    </w:r>
                    <w:r w:rsidR="00034050">
                      <w:rPr>
                        <w:rFonts w:ascii="Frutiger LT Std 45 Light" w:hAnsi="Frutiger LT Std 45 Light"/>
                        <w:sz w:val="12"/>
                        <w:szCs w:val="12"/>
                      </w:rPr>
                      <w:t>S</w:t>
                    </w:r>
                    <w:r>
                      <w:rPr>
                        <w:rFonts w:ascii="Frutiger LT Std 45 Light" w:hAnsi="Frutiger LT Std 45 Light"/>
                        <w:sz w:val="12"/>
                        <w:szCs w:val="12"/>
                      </w:rPr>
                      <w:t xml:space="preserve">. </w:t>
                    </w:r>
                    <w:r w:rsidR="00034050">
                      <w:rPr>
                        <w:rFonts w:ascii="Frutiger LT Std 45 Light" w:hAnsi="Frutiger LT Std 45 Light"/>
                        <w:sz w:val="12"/>
                        <w:szCs w:val="12"/>
                      </w:rPr>
                      <w:t>Roberts</w:t>
                    </w:r>
                  </w:p>
                  <w:p w14:paraId="11EAD16A" w14:textId="28AFCE0B"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Approv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J. Holding</w:t>
                    </w:r>
                  </w:p>
                </w:txbxContent>
              </v:textbox>
              <w10:wrap anchorx="margin"/>
            </v:shape>
          </w:pict>
        </mc:Fallback>
      </mc:AlternateContent>
    </w:r>
    <w:r w:rsidRPr="009A195B">
      <w:rPr>
        <w:noProof/>
        <w:sz w:val="18"/>
      </w:rPr>
      <mc:AlternateContent>
        <mc:Choice Requires="wps">
          <w:drawing>
            <wp:anchor distT="0" distB="0" distL="114300" distR="114300" simplePos="0" relativeHeight="251665408" behindDoc="0" locked="0" layoutInCell="1" allowOverlap="1" wp14:anchorId="35D5963C" wp14:editId="22B0587E">
              <wp:simplePos x="0" y="0"/>
              <wp:positionH relativeFrom="margin">
                <wp:posOffset>4317558</wp:posOffset>
              </wp:positionH>
              <wp:positionV relativeFrom="paragraph">
                <wp:posOffset>-334589</wp:posOffset>
              </wp:positionV>
              <wp:extent cx="961390" cy="293370"/>
              <wp:effectExtent l="0" t="0" r="0" b="0"/>
              <wp:wrapNone/>
              <wp:docPr id="31" name="Text Box 31"/>
              <wp:cNvGraphicFramePr/>
              <a:graphic xmlns:a="http://schemas.openxmlformats.org/drawingml/2006/main">
                <a:graphicData uri="http://schemas.microsoft.com/office/word/2010/wordprocessingShape">
                  <wps:wsp>
                    <wps:cNvSpPr txBox="1"/>
                    <wps:spPr>
                      <a:xfrm>
                        <a:off x="0" y="0"/>
                        <a:ext cx="961390" cy="293370"/>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10830208" w14:textId="2F0D8001" w:rsidR="009A195B"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Document No. </w:t>
                          </w:r>
                          <w:r w:rsidR="00F61B77" w:rsidRPr="00F61B77">
                            <w:rPr>
                              <w:rFonts w:ascii="Frutiger LT Std 45 Light" w:hAnsi="Frutiger LT Std 45 Light"/>
                              <w:sz w:val="12"/>
                              <w:szCs w:val="12"/>
                            </w:rPr>
                            <w:t>04.0</w:t>
                          </w:r>
                          <w:r w:rsidR="007541DE">
                            <w:rPr>
                              <w:rFonts w:ascii="Frutiger LT Std 45 Light" w:hAnsi="Frutiger LT Std 45 Light"/>
                              <w:sz w:val="12"/>
                              <w:szCs w:val="12"/>
                            </w:rPr>
                            <w:t>37</w:t>
                          </w:r>
                        </w:p>
                        <w:p w14:paraId="0CF1A196" w14:textId="12C3C267"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 No. </w:t>
                          </w:r>
                          <w:r w:rsidR="00F61B77">
                            <w:rPr>
                              <w:rFonts w:ascii="Frutiger LT Std 45 Light" w:hAnsi="Frutiger LT Std 45 Light"/>
                              <w:sz w:val="12"/>
                              <w:szCs w:val="12"/>
                            </w:rPr>
                            <w:t>00</w:t>
                          </w:r>
                          <w:r w:rsidR="00034050">
                            <w:rPr>
                              <w:rFonts w:ascii="Frutiger LT Std 45 Light" w:hAnsi="Frutiger LT Std 45 Light"/>
                              <w:sz w:val="12"/>
                              <w:szCs w:val="12"/>
                            </w:rPr>
                            <w:t>3</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35D5963C" id="Text Box 31" o:spid="_x0000_s1027" type="#_x0000_t202" style="position:absolute;margin-left:339.95pt;margin-top:-26.35pt;width:75.7pt;height:23.1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" filled="f" stroked="f" strokeweight=".5pt">
              <v:textbox>
                <w:txbxContent>
                  <w:p w14:paraId="10830208" w14:textId="2F0D8001" w:rsidR="009A195B"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Document No. </w:t>
                    </w:r>
                    <w:r w:rsidR="00F61B77" w:rsidRPr="00F61B77">
                      <w:rPr>
                        <w:rFonts w:ascii="Frutiger LT Std 45 Light" w:hAnsi="Frutiger LT Std 45 Light"/>
                        <w:sz w:val="12"/>
                        <w:szCs w:val="12"/>
                      </w:rPr>
                      <w:t>04.0</w:t>
                    </w:r>
                    <w:r w:rsidR="007541DE">
                      <w:rPr>
                        <w:rFonts w:ascii="Frutiger LT Std 45 Light" w:hAnsi="Frutiger LT Std 45 Light"/>
                        <w:sz w:val="12"/>
                        <w:szCs w:val="12"/>
                      </w:rPr>
                      <w:t>37</w:t>
                    </w:r>
                  </w:p>
                  <w:p w14:paraId="0CF1A196" w14:textId="12C3C267"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 No. </w:t>
                    </w:r>
                    <w:r w:rsidR="00F61B77">
                      <w:rPr>
                        <w:rFonts w:ascii="Frutiger LT Std 45 Light" w:hAnsi="Frutiger LT Std 45 Light"/>
                        <w:sz w:val="12"/>
                        <w:szCs w:val="12"/>
                      </w:rPr>
                      <w:t>00</w:t>
                    </w:r>
                    <w:r w:rsidR="00034050">
                      <w:rPr>
                        <w:rFonts w:ascii="Frutiger LT Std 45 Light" w:hAnsi="Frutiger LT Std 45 Light"/>
                        <w:sz w:val="12"/>
                        <w:szCs w:val="12"/>
                      </w:rPr>
                      <w:t>3</w:t>
                    </w:r>
                  </w:p>
                </w:txbxContent>
              </v:textbox>
              <w10:wrap anchorx="margin"/>
            </v:shape>
          </w:pict>
        </mc:Fallback>
      </mc:AlternateContent>
    </w:r>
    <w:r w:rsidR="00F86814">
      <w:rPr>
        <w:noProof/>
        <w:sz w:val="18"/>
      </w:rPr>
      <w:drawing>
        <wp:anchor distT="0" distB="0" distL="114300" distR="114300" simplePos="0" relativeHeight="251658240" behindDoc="0" locked="0" layoutInCell="1" allowOverlap="1" wp14:anchorId="6BDDB5D7" wp14:editId="35901437">
          <wp:simplePos x="0" y="0"/>
          <wp:positionH relativeFrom="margin">
            <wp:posOffset>2717165</wp:posOffset>
          </wp:positionH>
          <wp:positionV relativeFrom="paragraph">
            <wp:posOffset>-172720</wp:posOffset>
          </wp:positionV>
          <wp:extent cx="3867785" cy="1184275"/>
          <wp:effectExtent l="0" t="0" r="0" b="0"/>
          <wp:wrapNone/>
          <wp:docPr id="5" name="Picture 5" descr="M:\Working Files\Ian's Stuff\Documents\2014 Stationary Pack\Word Documents\BSI Logos 15052015.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Working Files\Ian's Stuff\Documents\2014 Stationary Pack\Word Documents\BSI Logos 15052015.jpg"/>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3867785" cy="1184275"/>
                  </a:xfrm>
                  <a:prstGeom prst="rect">
                    <a:avLst/>
                  </a:prstGeom>
                  <a:noFill/>
                  <a:ln>
                    <a:noFill/>
                  </a:ln>
                </pic:spPr>
              </pic:pic>
            </a:graphicData>
          </a:graphic>
          <wp14:sizeRelH relativeFrom="page">
            <wp14:pctWidth>0</wp14:pctWidth>
          </wp14:sizeRelH>
          <wp14:sizeRelV relativeFrom="page">
            <wp14:pctHeight>0</wp14:pctHeight>
          </wp14:sizeRelV>
        </wp:anchor>
      </w:drawing>
    </w:r>
    <w:r w:rsidR="00F86814">
      <w:rPr>
        <w:noProof/>
      </w:rPr>
      <mc:AlternateContent>
        <mc:Choice Requires="wps">
          <w:drawing>
            <wp:anchor distT="0" distB="0" distL="114300" distR="114300" simplePos="0" relativeHeight="251660288" behindDoc="0" locked="0" layoutInCell="1" allowOverlap="1" wp14:anchorId="1B5EFF50" wp14:editId="23A6EE00">
              <wp:simplePos x="0" y="0"/>
              <wp:positionH relativeFrom="margin">
                <wp:align>right</wp:align>
              </wp:positionH>
              <wp:positionV relativeFrom="paragraph">
                <wp:posOffset>634</wp:posOffset>
              </wp:positionV>
              <wp:extent cx="6305550" cy="9525"/>
              <wp:effectExtent l="0" t="0" r="19050" b="28575"/>
              <wp:wrapNone/>
              <wp:docPr id="3" name="Straight Connector 3"/>
              <wp:cNvGraphicFramePr/>
              <a:graphic xmlns:a="http://schemas.openxmlformats.org/drawingml/2006/main">
                <a:graphicData uri="http://schemas.microsoft.com/office/word/2010/wordprocessingShape">
                  <wps:wsp>
                    <wps:cNvCnPr/>
                    <wps:spPr>
                      <a:xfrm>
                        <a:off x="0" y="0"/>
                        <a:ext cx="6305550" cy="9525"/>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65F824CD" id="Straight Connector 3"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445.3pt,.05pt" to="941.8pt,.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" strokecolor="black [3213]" strokeweight="1pt">
              <w10:wrap anchorx="margin"/>
            </v:line>
          </w:pict>
        </mc:Fallback>
      </mc:AlternateContent>
    </w:r>
    <w:r w:rsidR="00C73CCD">
      <w:rPr>
        <w:noProof/>
      </w:rPr>
      <mc:AlternateContent>
        <mc:Choice Requires="wps">
          <w:drawing>
            <wp:anchor distT="0" distB="0" distL="114300" distR="114300" simplePos="0" relativeHeight="251661312" behindDoc="0" locked="0" layoutInCell="1" allowOverlap="1" wp14:anchorId="23BA59E1" wp14:editId="299D30A8">
              <wp:simplePos x="0" y="0"/>
              <wp:positionH relativeFrom="margin">
                <wp:posOffset>-100977</wp:posOffset>
              </wp:positionH>
              <wp:positionV relativeFrom="paragraph">
                <wp:posOffset>33417</wp:posOffset>
              </wp:positionV>
              <wp:extent cx="2720340" cy="841473"/>
              <wp:effectExtent l="0" t="0" r="0" b="0"/>
              <wp:wrapNone/>
              <wp:docPr id="4" name="Text Box 4"/>
              <wp:cNvGraphicFramePr/>
              <a:graphic xmlns:a="http://schemas.openxmlformats.org/drawingml/2006/main">
                <a:graphicData uri="http://schemas.microsoft.com/office/word/2010/wordprocessingShape">
                  <wps:wsp>
                    <wps:cNvSpPr txBox="1"/>
                    <wps:spPr>
                      <a:xfrm>
                        <a:off x="0" y="0"/>
                        <a:ext cx="2720340" cy="841473"/>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01851F1B"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sz w:val="12"/>
                              <w:szCs w:val="12"/>
                            </w:rPr>
                            <w:t>CMD Ltd, Sycamore Road, Eastwood Trading Estate, Rotherham. S65 1EN</w:t>
                          </w:r>
                        </w:p>
                        <w:p w14:paraId="6B0702A8" w14:textId="77777777" w:rsidR="00513685" w:rsidRPr="00513685" w:rsidRDefault="00513685" w:rsidP="00A67F67">
                          <w:pPr>
                            <w:spacing w:after="0"/>
                            <w:rPr>
                              <w:rFonts w:ascii="Frutiger LT Std 45 Light" w:hAnsi="Frutiger LT Std 45 Light"/>
                              <w:b/>
                              <w:sz w:val="12"/>
                              <w:szCs w:val="12"/>
                            </w:rPr>
                          </w:pPr>
                        </w:p>
                        <w:p w14:paraId="06FDDB8D"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T</w:t>
                          </w:r>
                          <w:r w:rsidRPr="00513685">
                            <w:rPr>
                              <w:rFonts w:ascii="Frutiger LT Std 45 Light" w:hAnsi="Frutiger LT Std 45 Light"/>
                              <w:sz w:val="12"/>
                              <w:szCs w:val="12"/>
                            </w:rPr>
                            <w:t xml:space="preserve">: +44 (0) 1709 829511 | </w:t>
                          </w:r>
                          <w:r w:rsidRPr="00513685">
                            <w:rPr>
                              <w:rFonts w:ascii="Frutiger LT Std 45 Light" w:hAnsi="Frutiger LT Std 45 Light"/>
                              <w:b/>
                              <w:sz w:val="12"/>
                              <w:szCs w:val="12"/>
                            </w:rPr>
                            <w:t>F</w:t>
                          </w:r>
                          <w:r w:rsidRPr="00513685">
                            <w:rPr>
                              <w:rFonts w:ascii="Frutiger LT Std 45 Light" w:hAnsi="Frutiger LT Std 45 Light"/>
                              <w:sz w:val="12"/>
                              <w:szCs w:val="12"/>
                            </w:rPr>
                            <w:t>: +44 (0) 1709 378380</w:t>
                          </w:r>
                        </w:p>
                        <w:p w14:paraId="53DC5A42"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E</w:t>
                          </w:r>
                          <w:r w:rsidRPr="00513685">
                            <w:rPr>
                              <w:rFonts w:ascii="Frutiger LT Std 45 Light" w:hAnsi="Frutiger LT Std 45 Light"/>
                              <w:sz w:val="12"/>
                              <w:szCs w:val="12"/>
                            </w:rPr>
                            <w:t xml:space="preserve">: enquiries@cmd-ltd.com | </w:t>
                          </w:r>
                          <w:r w:rsidRPr="00513685">
                            <w:rPr>
                              <w:rFonts w:ascii="Frutiger LT Std 45 Light" w:hAnsi="Frutiger LT Std 45 Light"/>
                              <w:b/>
                              <w:sz w:val="12"/>
                              <w:szCs w:val="12"/>
                            </w:rPr>
                            <w:t>W</w:t>
                          </w:r>
                          <w:r w:rsidRPr="00513685">
                            <w:rPr>
                              <w:rFonts w:ascii="Frutiger LT Std 45 Light" w:hAnsi="Frutiger LT Std 45 Light"/>
                              <w:sz w:val="12"/>
                              <w:szCs w:val="12"/>
                            </w:rPr>
                            <w:t xml:space="preserve">: </w:t>
                          </w:r>
                          <w:r w:rsidR="00513685" w:rsidRPr="00513685">
                            <w:rPr>
                              <w:rFonts w:ascii="Frutiger LT Std 45 Light" w:hAnsi="Frutiger LT Std 45 Light"/>
                              <w:sz w:val="12"/>
                              <w:szCs w:val="12"/>
                            </w:rPr>
                            <w:t>www.cmd-ltd.com</w:t>
                          </w:r>
                        </w:p>
                        <w:p w14:paraId="477F6BFE" w14:textId="77777777" w:rsidR="00513685" w:rsidRPr="00513685" w:rsidRDefault="00513685" w:rsidP="00A67F67">
                          <w:pPr>
                            <w:spacing w:after="0"/>
                            <w:rPr>
                              <w:rFonts w:ascii="Frutiger LT Std 45 Light" w:hAnsi="Frutiger LT Std 45 Light"/>
                              <w:sz w:val="12"/>
                              <w:szCs w:val="12"/>
                            </w:rPr>
                          </w:pPr>
                        </w:p>
                        <w:p w14:paraId="7E5EDD31"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Registered in England Reg No. 2290387</w:t>
                          </w:r>
                        </w:p>
                        <w:p w14:paraId="18588C8D"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VAT No. GB 927 2314 33. WEEE Car No. WEE/BE0005ZR</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23BA59E1" id="Text Box 4" o:spid="_x0000_s1028" type="#_x0000_t202" style="position:absolute;margin-left:-7.95pt;margin-top:2.65pt;width:214.2pt;height:66.25pt;z-index:25166131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" filled="f" stroked="f" strokeweight=".5pt">
              <v:textbox>
                <w:txbxContent>
                  <w:p w14:paraId="01851F1B"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sz w:val="12"/>
                        <w:szCs w:val="12"/>
                      </w:rPr>
                      <w:t>CMD Ltd, Sycamore Road, Eastwood Trading Estate, Rotherham. S65 1EN</w:t>
                    </w:r>
                  </w:p>
                  <w:p w14:paraId="6B0702A8" w14:textId="77777777" w:rsidR="00513685" w:rsidRPr="00513685" w:rsidRDefault="00513685" w:rsidP="00A67F67">
                    <w:pPr>
                      <w:spacing w:after="0"/>
                      <w:rPr>
                        <w:rFonts w:ascii="Frutiger LT Std 45 Light" w:hAnsi="Frutiger LT Std 45 Light"/>
                        <w:b/>
                        <w:sz w:val="12"/>
                        <w:szCs w:val="12"/>
                      </w:rPr>
                    </w:pPr>
                  </w:p>
                  <w:p w14:paraId="06FDDB8D"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T</w:t>
                    </w:r>
                    <w:r w:rsidRPr="00513685">
                      <w:rPr>
                        <w:rFonts w:ascii="Frutiger LT Std 45 Light" w:hAnsi="Frutiger LT Std 45 Light"/>
                        <w:sz w:val="12"/>
                        <w:szCs w:val="12"/>
                      </w:rPr>
                      <w:t xml:space="preserve">: +44 (0) 1709 829511 | </w:t>
                    </w:r>
                    <w:r w:rsidRPr="00513685">
                      <w:rPr>
                        <w:rFonts w:ascii="Frutiger LT Std 45 Light" w:hAnsi="Frutiger LT Std 45 Light"/>
                        <w:b/>
                        <w:sz w:val="12"/>
                        <w:szCs w:val="12"/>
                      </w:rPr>
                      <w:t>F</w:t>
                    </w:r>
                    <w:r w:rsidRPr="00513685">
                      <w:rPr>
                        <w:rFonts w:ascii="Frutiger LT Std 45 Light" w:hAnsi="Frutiger LT Std 45 Light"/>
                        <w:sz w:val="12"/>
                        <w:szCs w:val="12"/>
                      </w:rPr>
                      <w:t>: +44 (0) 1709 378380</w:t>
                    </w:r>
                  </w:p>
                  <w:p w14:paraId="53DC5A42"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E</w:t>
                    </w:r>
                    <w:r w:rsidRPr="00513685">
                      <w:rPr>
                        <w:rFonts w:ascii="Frutiger LT Std 45 Light" w:hAnsi="Frutiger LT Std 45 Light"/>
                        <w:sz w:val="12"/>
                        <w:szCs w:val="12"/>
                      </w:rPr>
                      <w:t xml:space="preserve">: enquiries@cmd-ltd.com | </w:t>
                    </w:r>
                    <w:r w:rsidRPr="00513685">
                      <w:rPr>
                        <w:rFonts w:ascii="Frutiger LT Std 45 Light" w:hAnsi="Frutiger LT Std 45 Light"/>
                        <w:b/>
                        <w:sz w:val="12"/>
                        <w:szCs w:val="12"/>
                      </w:rPr>
                      <w:t>W</w:t>
                    </w:r>
                    <w:r w:rsidRPr="00513685">
                      <w:rPr>
                        <w:rFonts w:ascii="Frutiger LT Std 45 Light" w:hAnsi="Frutiger LT Std 45 Light"/>
                        <w:sz w:val="12"/>
                        <w:szCs w:val="12"/>
                      </w:rPr>
                      <w:t xml:space="preserve">: </w:t>
                    </w:r>
                    <w:r w:rsidR="00513685" w:rsidRPr="00513685">
                      <w:rPr>
                        <w:rFonts w:ascii="Frutiger LT Std 45 Light" w:hAnsi="Frutiger LT Std 45 Light"/>
                        <w:sz w:val="12"/>
                        <w:szCs w:val="12"/>
                      </w:rPr>
                      <w:t>www.cmd-ltd.com</w:t>
                    </w:r>
                  </w:p>
                  <w:p w14:paraId="477F6BFE" w14:textId="77777777" w:rsidR="00513685" w:rsidRPr="00513685" w:rsidRDefault="00513685" w:rsidP="00A67F67">
                    <w:pPr>
                      <w:spacing w:after="0"/>
                      <w:rPr>
                        <w:rFonts w:ascii="Frutiger LT Std 45 Light" w:hAnsi="Frutiger LT Std 45 Light"/>
                        <w:sz w:val="12"/>
                        <w:szCs w:val="12"/>
                      </w:rPr>
                    </w:pPr>
                  </w:p>
                  <w:p w14:paraId="7E5EDD31"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Registered in England Reg No. 2290387</w:t>
                    </w:r>
                  </w:p>
                  <w:p w14:paraId="18588C8D"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VAT No. GB 927 2314 33. WEEE Car No. WEE/BE0005ZR</w:t>
                    </w:r>
                  </w:p>
                </w:txbxContent>
              </v:textbox>
              <w10:wrap anchorx="margin"/>
            </v:shape>
          </w:pict>
        </mc:Fallback>
      </mc:AlternateContent>
    </w:r>
  </w:p>
  <w:p w14:paraId="024A6667" w14:textId="77777777" w:rsidR="004E204B" w:rsidRPr="004E204B" w:rsidRDefault="004E204B">
    <w:pPr>
      <w:pStyle w:val="Footer"/>
      <w:rPr>
        <w:sz w:val="18"/>
      </w:rPr>
    </w:pPr>
    <w:r w:rsidRPr="004E204B">
      <w:rPr>
        <w:sz w:val="18"/>
      </w:rPr>
      <w:tab/>
    </w:r>
    <w:r w:rsidRPr="004E204B">
      <w:rPr>
        <w:sz w:val="18"/>
      </w:rPr>
      <w:tab/>
      <w:t xml:space="preserve">Approved </w:t>
    </w:r>
    <w:proofErr w:type="gramStart"/>
    <w:r w:rsidRPr="004E204B">
      <w:rPr>
        <w:sz w:val="18"/>
      </w:rPr>
      <w:t>by;</w:t>
    </w:r>
    <w:proofErr w:type="gramEnd"/>
    <w:r w:rsidRPr="004E204B">
      <w:rPr>
        <w:sz w:val="18"/>
      </w:rPr>
      <w:t xml:space="preserve"> SC</w:t>
    </w:r>
  </w:p>
  <w:p w14:paraId="7B473696" w14:textId="77777777" w:rsidR="004E204B" w:rsidRDefault="004E204B">
    <w:pPr>
      <w:pStyle w:val="Footer"/>
    </w:pPr>
  </w:p>
  <w:p w14:paraId="76060909" w14:textId="77777777" w:rsidR="004E204B" w:rsidRDefault="004E204B">
    <w:pPr>
      <w:pStyle w:val="Footer"/>
    </w:pPr>
  </w:p>
  <w:p w14:paraId="50DC84B1" w14:textId="77777777" w:rsidR="00EF0375" w:rsidRDefault="00EF0375">
    <w:pPr>
      <w:pStyle w:val="Footer"/>
    </w:pPr>
  </w:p>
  <w:p w14:paraId="60958871" w14:textId="76B1371A" w:rsidR="00835EB6" w:rsidRPr="00EF0375" w:rsidRDefault="00EF0375" w:rsidP="00EF0375">
    <w:pPr>
      <w:pStyle w:val="Footer"/>
      <w:spacing w:line="200" w:lineRule="exact"/>
    </w:pPr>
    <w:r>
      <w:rPr>
        <w:sz w:val="15"/>
      </w:rPr>
      <w:fldChar w:fldCharType="begin"/>
    </w:r>
    <w:r>
      <w:rPr>
        <w:sz w:val="15"/>
      </w:rPr>
      <w:instrText xml:space="preserve"> </w:instrText>
    </w:r>
    <w:r w:rsidRPr="00EF0375">
      <w:rPr>
        <w:sz w:val="15"/>
      </w:rPr>
      <w:instrText>IF "</w:instrText>
    </w:r>
    <w:r w:rsidRPr="00EF0375">
      <w:rPr>
        <w:sz w:val="15"/>
      </w:rPr>
      <w:fldChar w:fldCharType="begin"/>
    </w:r>
    <w:r w:rsidRPr="00EF0375">
      <w:rPr>
        <w:sz w:val="15"/>
      </w:rPr>
      <w:instrText xml:space="preserve"> DOCVARIABLE "SWDocIDLocation" </w:instrText>
    </w:r>
    <w:r w:rsidRPr="00EF0375">
      <w:rPr>
        <w:sz w:val="15"/>
      </w:rPr>
      <w:fldChar w:fldCharType="separate"/>
    </w:r>
    <w:r w:rsidR="00607A30">
      <w:rPr>
        <w:sz w:val="15"/>
      </w:rPr>
      <w:instrText>1</w:instrText>
    </w:r>
    <w:r w:rsidRPr="00EF0375">
      <w:rPr>
        <w:sz w:val="15"/>
      </w:rPr>
      <w:fldChar w:fldCharType="end"/>
    </w:r>
    <w:r w:rsidRPr="00EF0375">
      <w:rPr>
        <w:sz w:val="15"/>
      </w:rPr>
      <w:instrText>" = "1" "</w:instrText>
    </w:r>
    <w:r w:rsidRPr="00EF0375">
      <w:rPr>
        <w:sz w:val="15"/>
      </w:rPr>
      <w:fldChar w:fldCharType="begin"/>
    </w:r>
    <w:r w:rsidRPr="00EF0375">
      <w:rPr>
        <w:sz w:val="15"/>
      </w:rPr>
      <w:instrText xml:space="preserve"> DOCPROPERTY "SWDocID" </w:instrText>
    </w:r>
    <w:r w:rsidRPr="00EF0375">
      <w:rPr>
        <w:sz w:val="15"/>
      </w:rPr>
      <w:fldChar w:fldCharType="separate"/>
    </w:r>
    <w:r w:rsidR="00607A30">
      <w:rPr>
        <w:sz w:val="15"/>
      </w:rPr>
      <w:instrText>DM_EU 15303972-2.T16117.0010</w:instrText>
    </w:r>
    <w:r w:rsidRPr="00EF0375">
      <w:rPr>
        <w:sz w:val="15"/>
      </w:rPr>
      <w:fldChar w:fldCharType="end"/>
    </w:r>
    <w:r w:rsidRPr="00EF0375">
      <w:rPr>
        <w:sz w:val="15"/>
      </w:rPr>
      <w:instrText>" ""</w:instrText>
    </w:r>
    <w:r>
      <w:rPr>
        <w:sz w:val="15"/>
      </w:rPr>
      <w:instrText xml:space="preserve"> </w:instrText>
    </w:r>
    <w:r>
      <w:rPr>
        <w:sz w:val="15"/>
      </w:rPr>
      <w:fldChar w:fldCharType="separate"/>
    </w:r>
    <w:r w:rsidR="00607A30">
      <w:rPr>
        <w:noProof/>
        <w:sz w:val="15"/>
      </w:rPr>
      <w:t>DM_EU 15303972-2.T16117.0010</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B2C80C" w14:textId="77777777" w:rsidR="000262F2" w:rsidRDefault="000262F2" w:rsidP="001273F9">
      <w:pPr>
        <w:spacing w:after="0" w:line="240" w:lineRule="auto"/>
      </w:pPr>
      <w:r>
        <w:separator/>
      </w:r>
    </w:p>
  </w:footnote>
  <w:footnote w:type="continuationSeparator" w:id="0">
    <w:p w14:paraId="32D28F0C" w14:textId="77777777" w:rsidR="000262F2" w:rsidRDefault="000262F2" w:rsidP="001273F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F3A302" w14:textId="7875CDEC" w:rsidR="00835EB6" w:rsidRDefault="00F86814" w:rsidP="001273F9">
    <w:pPr>
      <w:pStyle w:val="Header"/>
      <w:jc w:val="right"/>
      <w:rPr>
        <w:noProof/>
      </w:rPr>
    </w:pPr>
    <w:r>
      <w:rPr>
        <w:noProof/>
      </w:rPr>
      <w:drawing>
        <wp:anchor distT="0" distB="0" distL="114300" distR="114300" simplePos="0" relativeHeight="251662336" behindDoc="0" locked="0" layoutInCell="1" allowOverlap="1" wp14:anchorId="39606504" wp14:editId="0EB4FF95">
          <wp:simplePos x="0" y="0"/>
          <wp:positionH relativeFrom="column">
            <wp:posOffset>5439170</wp:posOffset>
          </wp:positionH>
          <wp:positionV relativeFrom="paragraph">
            <wp:posOffset>-1641</wp:posOffset>
          </wp:positionV>
          <wp:extent cx="981442" cy="751840"/>
          <wp:effectExtent l="0" t="0" r="9525" b="0"/>
          <wp:wrapNone/>
          <wp:docPr id="2" name="Picture 2" descr="M:\Working Files\Ian's Stuff\Brand Guidelines\Logos Standard\IDEAL_Crowsfoot_Bar_Tag - CMD 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Working Files\Ian's Stuff\Brand Guidelines\Logos Standard\IDEAL_Crowsfoot_Bar_Tag - CMD Logo.jpg"/>
                  <pic:cNvPicPr>
                    <a:picLocks noChangeAspect="1" noChangeArrowheads="1"/>
                  </pic:cNvPicPr>
                </pic:nvPicPr>
                <pic:blipFill rotWithShape="1">
                  <a:blip r:embed="rId1">
                    <a:extLst>
                      <a:ext uri="{28A0092B-C50C-407E-A947-70E740481C1C}">
                        <a14:useLocalDpi xmlns:a14="http://schemas.microsoft.com/office/drawing/2010/main" val="0"/>
                      </a:ext>
                    </a:extLst>
                  </a:blip>
                  <a:srcRect l="65289"/>
                  <a:stretch/>
                </pic:blipFill>
                <pic:spPr bwMode="auto">
                  <a:xfrm>
                    <a:off x="0" y="0"/>
                    <a:ext cx="982173" cy="752400"/>
                  </a:xfrm>
                  <a:prstGeom prst="rect">
                    <a:avLst/>
                  </a:prstGeom>
                  <a:noFill/>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p w14:paraId="68C170D2" w14:textId="77777777" w:rsidR="00513685" w:rsidRDefault="00513685" w:rsidP="001273F9">
    <w:pPr>
      <w:pStyle w:val="Header"/>
      <w:jc w:val="right"/>
      <w:rPr>
        <w:noProof/>
      </w:rPr>
    </w:pPr>
  </w:p>
  <w:p w14:paraId="6012141C" w14:textId="77777777" w:rsidR="00513685" w:rsidRDefault="00513685" w:rsidP="001273F9">
    <w:pPr>
      <w:pStyle w:val="Header"/>
      <w:jc w:val="right"/>
      <w:rPr>
        <w:noProof/>
      </w:rPr>
    </w:pPr>
  </w:p>
  <w:p w14:paraId="309A5EA0" w14:textId="77777777" w:rsidR="00513685" w:rsidRDefault="00513685" w:rsidP="001273F9">
    <w:pPr>
      <w:pStyle w:val="Header"/>
      <w:jc w:val="right"/>
      <w:rPr>
        <w:noProof/>
      </w:rPr>
    </w:pPr>
  </w:p>
  <w:p w14:paraId="2D2CDB8B" w14:textId="77777777" w:rsidR="00513685" w:rsidRDefault="00513685" w:rsidP="001273F9">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A521C45"/>
    <w:multiLevelType w:val="multilevel"/>
    <w:tmpl w:val="119CD4F4"/>
    <w:lvl w:ilvl="0">
      <w:start w:val="1"/>
      <w:numFmt w:val="decimal"/>
      <w:lvlText w:val="%1.0"/>
      <w:lvlJc w:val="left"/>
      <w:pPr>
        <w:ind w:left="360" w:hanging="360"/>
      </w:pPr>
      <w:rPr>
        <w:rFonts w:hint="default"/>
      </w:rPr>
    </w:lvl>
    <w:lvl w:ilvl="1">
      <w:start w:val="1"/>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2880" w:hanging="72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4680" w:hanging="108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abstractNum w:abstractNumId="1" w15:restartNumberingAfterBreak="0">
    <w:nsid w:val="23970001"/>
    <w:multiLevelType w:val="hybridMultilevel"/>
    <w:tmpl w:val="A5CC312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4CF63779"/>
    <w:multiLevelType w:val="hybridMultilevel"/>
    <w:tmpl w:val="C1429CF8"/>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5B517474"/>
    <w:multiLevelType w:val="hybridMultilevel"/>
    <w:tmpl w:val="D28855A4"/>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6897297E"/>
    <w:multiLevelType w:val="hybridMultilevel"/>
    <w:tmpl w:val="FEBAB280"/>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7815036E"/>
    <w:multiLevelType w:val="hybridMultilevel"/>
    <w:tmpl w:val="5F8E2FEA"/>
    <w:lvl w:ilvl="0" w:tplc="04090001">
      <w:start w:val="1"/>
      <w:numFmt w:val="bullet"/>
      <w:lvlText w:val=""/>
      <w:lvlJc w:val="left"/>
      <w:pPr>
        <w:tabs>
          <w:tab w:val="num" w:pos="780"/>
        </w:tabs>
        <w:ind w:left="780" w:hanging="360"/>
      </w:pPr>
      <w:rPr>
        <w:rFonts w:ascii="Symbol" w:hAnsi="Symbol" w:hint="default"/>
      </w:rPr>
    </w:lvl>
    <w:lvl w:ilvl="1" w:tplc="04090003" w:tentative="1">
      <w:start w:val="1"/>
      <w:numFmt w:val="bullet"/>
      <w:lvlText w:val="o"/>
      <w:lvlJc w:val="left"/>
      <w:pPr>
        <w:tabs>
          <w:tab w:val="num" w:pos="1500"/>
        </w:tabs>
        <w:ind w:left="1500" w:hanging="360"/>
      </w:pPr>
      <w:rPr>
        <w:rFonts w:ascii="Courier New" w:hAnsi="Courier New" w:cs="Courier New" w:hint="default"/>
      </w:rPr>
    </w:lvl>
    <w:lvl w:ilvl="2" w:tplc="04090005" w:tentative="1">
      <w:start w:val="1"/>
      <w:numFmt w:val="bullet"/>
      <w:lvlText w:val=""/>
      <w:lvlJc w:val="left"/>
      <w:pPr>
        <w:tabs>
          <w:tab w:val="num" w:pos="2220"/>
        </w:tabs>
        <w:ind w:left="2220" w:hanging="360"/>
      </w:pPr>
      <w:rPr>
        <w:rFonts w:ascii="Wingdings" w:hAnsi="Wingdings" w:hint="default"/>
      </w:rPr>
    </w:lvl>
    <w:lvl w:ilvl="3" w:tplc="04090001" w:tentative="1">
      <w:start w:val="1"/>
      <w:numFmt w:val="bullet"/>
      <w:lvlText w:val=""/>
      <w:lvlJc w:val="left"/>
      <w:pPr>
        <w:tabs>
          <w:tab w:val="num" w:pos="2940"/>
        </w:tabs>
        <w:ind w:left="2940" w:hanging="360"/>
      </w:pPr>
      <w:rPr>
        <w:rFonts w:ascii="Symbol" w:hAnsi="Symbol" w:hint="default"/>
      </w:rPr>
    </w:lvl>
    <w:lvl w:ilvl="4" w:tplc="04090003" w:tentative="1">
      <w:start w:val="1"/>
      <w:numFmt w:val="bullet"/>
      <w:lvlText w:val="o"/>
      <w:lvlJc w:val="left"/>
      <w:pPr>
        <w:tabs>
          <w:tab w:val="num" w:pos="3660"/>
        </w:tabs>
        <w:ind w:left="3660" w:hanging="360"/>
      </w:pPr>
      <w:rPr>
        <w:rFonts w:ascii="Courier New" w:hAnsi="Courier New" w:cs="Courier New" w:hint="default"/>
      </w:rPr>
    </w:lvl>
    <w:lvl w:ilvl="5" w:tplc="04090005" w:tentative="1">
      <w:start w:val="1"/>
      <w:numFmt w:val="bullet"/>
      <w:lvlText w:val=""/>
      <w:lvlJc w:val="left"/>
      <w:pPr>
        <w:tabs>
          <w:tab w:val="num" w:pos="4380"/>
        </w:tabs>
        <w:ind w:left="4380" w:hanging="360"/>
      </w:pPr>
      <w:rPr>
        <w:rFonts w:ascii="Wingdings" w:hAnsi="Wingdings" w:hint="default"/>
      </w:rPr>
    </w:lvl>
    <w:lvl w:ilvl="6" w:tplc="04090001" w:tentative="1">
      <w:start w:val="1"/>
      <w:numFmt w:val="bullet"/>
      <w:lvlText w:val=""/>
      <w:lvlJc w:val="left"/>
      <w:pPr>
        <w:tabs>
          <w:tab w:val="num" w:pos="5100"/>
        </w:tabs>
        <w:ind w:left="5100" w:hanging="360"/>
      </w:pPr>
      <w:rPr>
        <w:rFonts w:ascii="Symbol" w:hAnsi="Symbol" w:hint="default"/>
      </w:rPr>
    </w:lvl>
    <w:lvl w:ilvl="7" w:tplc="04090003" w:tentative="1">
      <w:start w:val="1"/>
      <w:numFmt w:val="bullet"/>
      <w:lvlText w:val="o"/>
      <w:lvlJc w:val="left"/>
      <w:pPr>
        <w:tabs>
          <w:tab w:val="num" w:pos="5820"/>
        </w:tabs>
        <w:ind w:left="5820" w:hanging="360"/>
      </w:pPr>
      <w:rPr>
        <w:rFonts w:ascii="Courier New" w:hAnsi="Courier New" w:cs="Courier New" w:hint="default"/>
      </w:rPr>
    </w:lvl>
    <w:lvl w:ilvl="8" w:tplc="04090005" w:tentative="1">
      <w:start w:val="1"/>
      <w:numFmt w:val="bullet"/>
      <w:lvlText w:val=""/>
      <w:lvlJc w:val="left"/>
      <w:pPr>
        <w:tabs>
          <w:tab w:val="num" w:pos="6540"/>
        </w:tabs>
        <w:ind w:left="6540" w:hanging="360"/>
      </w:pPr>
      <w:rPr>
        <w:rFonts w:ascii="Wingdings" w:hAnsi="Wingdings" w:hint="default"/>
      </w:rPr>
    </w:lvl>
  </w:abstractNum>
  <w:abstractNum w:abstractNumId="6" w15:restartNumberingAfterBreak="0">
    <w:nsid w:val="7DED3DDB"/>
    <w:multiLevelType w:val="hybridMultilevel"/>
    <w:tmpl w:val="53CE6B2E"/>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979073250">
    <w:abstractNumId w:val="0"/>
  </w:num>
  <w:num w:numId="2" w16cid:durableId="1021977408">
    <w:abstractNumId w:val="4"/>
  </w:num>
  <w:num w:numId="3" w16cid:durableId="1756509068">
    <w:abstractNumId w:val="5"/>
  </w:num>
  <w:num w:numId="4" w16cid:durableId="1491211587">
    <w:abstractNumId w:val="6"/>
  </w:num>
  <w:num w:numId="5" w16cid:durableId="1225406077">
    <w:abstractNumId w:val="2"/>
  </w:num>
  <w:num w:numId="6" w16cid:durableId="1032532898">
    <w:abstractNumId w:val="3"/>
  </w:num>
  <w:num w:numId="7" w16cid:durableId="144607318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proofState w:spelling="clean" w:grammar="clean"/>
  <w:defaultTabStop w:val="720"/>
  <w:characterSpacingControl w:val="doNotCompress"/>
  <w:hdrShapeDefaults>
    <o:shapedefaults v:ext="edit" spidmax="5120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9"/>
    <w:docVar w:name="SWDocIDLocation" w:val="1"/>
  </w:docVars>
  <w:rsids>
    <w:rsidRoot w:val="006B38F7"/>
    <w:rsid w:val="0000077D"/>
    <w:rsid w:val="00000BDE"/>
    <w:rsid w:val="0000145B"/>
    <w:rsid w:val="000014A7"/>
    <w:rsid w:val="00002D4B"/>
    <w:rsid w:val="0000413F"/>
    <w:rsid w:val="00005C5A"/>
    <w:rsid w:val="00005E27"/>
    <w:rsid w:val="00006089"/>
    <w:rsid w:val="000064A1"/>
    <w:rsid w:val="0000721F"/>
    <w:rsid w:val="000117C8"/>
    <w:rsid w:val="000140B6"/>
    <w:rsid w:val="0001562A"/>
    <w:rsid w:val="00015762"/>
    <w:rsid w:val="00017B23"/>
    <w:rsid w:val="000202E1"/>
    <w:rsid w:val="00021F3F"/>
    <w:rsid w:val="00023139"/>
    <w:rsid w:val="000238F3"/>
    <w:rsid w:val="00024847"/>
    <w:rsid w:val="00025A3D"/>
    <w:rsid w:val="00025DB3"/>
    <w:rsid w:val="00025F88"/>
    <w:rsid w:val="000262F2"/>
    <w:rsid w:val="000273EE"/>
    <w:rsid w:val="00027DF1"/>
    <w:rsid w:val="00027F9F"/>
    <w:rsid w:val="00030586"/>
    <w:rsid w:val="00031C8D"/>
    <w:rsid w:val="000320C6"/>
    <w:rsid w:val="00033D94"/>
    <w:rsid w:val="00034050"/>
    <w:rsid w:val="0003417A"/>
    <w:rsid w:val="000345FF"/>
    <w:rsid w:val="00034BFF"/>
    <w:rsid w:val="0004116D"/>
    <w:rsid w:val="00043EC8"/>
    <w:rsid w:val="0004413A"/>
    <w:rsid w:val="00044482"/>
    <w:rsid w:val="00044C6B"/>
    <w:rsid w:val="000474C0"/>
    <w:rsid w:val="00050B66"/>
    <w:rsid w:val="00051488"/>
    <w:rsid w:val="00052D29"/>
    <w:rsid w:val="00052F03"/>
    <w:rsid w:val="00052F14"/>
    <w:rsid w:val="000534AD"/>
    <w:rsid w:val="00053768"/>
    <w:rsid w:val="0005418B"/>
    <w:rsid w:val="000552DB"/>
    <w:rsid w:val="00055D72"/>
    <w:rsid w:val="0006064F"/>
    <w:rsid w:val="00060CC8"/>
    <w:rsid w:val="000641FD"/>
    <w:rsid w:val="0006492D"/>
    <w:rsid w:val="000672A3"/>
    <w:rsid w:val="0006776B"/>
    <w:rsid w:val="000714F5"/>
    <w:rsid w:val="00071974"/>
    <w:rsid w:val="00071D08"/>
    <w:rsid w:val="00072247"/>
    <w:rsid w:val="00072A74"/>
    <w:rsid w:val="00073AB5"/>
    <w:rsid w:val="0007545A"/>
    <w:rsid w:val="00075762"/>
    <w:rsid w:val="0007658F"/>
    <w:rsid w:val="000767B1"/>
    <w:rsid w:val="00077AF5"/>
    <w:rsid w:val="0008026D"/>
    <w:rsid w:val="00080668"/>
    <w:rsid w:val="00081EEB"/>
    <w:rsid w:val="000827F1"/>
    <w:rsid w:val="0008303F"/>
    <w:rsid w:val="000838FE"/>
    <w:rsid w:val="000842ED"/>
    <w:rsid w:val="00085158"/>
    <w:rsid w:val="000870D5"/>
    <w:rsid w:val="00090C00"/>
    <w:rsid w:val="00091AA8"/>
    <w:rsid w:val="00091B74"/>
    <w:rsid w:val="00092537"/>
    <w:rsid w:val="00092572"/>
    <w:rsid w:val="0009277B"/>
    <w:rsid w:val="000927AC"/>
    <w:rsid w:val="000932EA"/>
    <w:rsid w:val="00094E71"/>
    <w:rsid w:val="000954BC"/>
    <w:rsid w:val="00095EBA"/>
    <w:rsid w:val="00096C03"/>
    <w:rsid w:val="000974CD"/>
    <w:rsid w:val="000A0D1E"/>
    <w:rsid w:val="000A1EA4"/>
    <w:rsid w:val="000A3473"/>
    <w:rsid w:val="000A3E20"/>
    <w:rsid w:val="000A4FEA"/>
    <w:rsid w:val="000A57BC"/>
    <w:rsid w:val="000A5A8F"/>
    <w:rsid w:val="000A6280"/>
    <w:rsid w:val="000A6D86"/>
    <w:rsid w:val="000A79EC"/>
    <w:rsid w:val="000A7EEE"/>
    <w:rsid w:val="000B466E"/>
    <w:rsid w:val="000B6351"/>
    <w:rsid w:val="000B750B"/>
    <w:rsid w:val="000C065F"/>
    <w:rsid w:val="000C1D76"/>
    <w:rsid w:val="000C1E64"/>
    <w:rsid w:val="000C1F63"/>
    <w:rsid w:val="000C4599"/>
    <w:rsid w:val="000C5048"/>
    <w:rsid w:val="000C6413"/>
    <w:rsid w:val="000C6C12"/>
    <w:rsid w:val="000D0AC4"/>
    <w:rsid w:val="000D105E"/>
    <w:rsid w:val="000D1BEC"/>
    <w:rsid w:val="000D387E"/>
    <w:rsid w:val="000D482B"/>
    <w:rsid w:val="000D4CA0"/>
    <w:rsid w:val="000D685C"/>
    <w:rsid w:val="000E0B1E"/>
    <w:rsid w:val="000E1455"/>
    <w:rsid w:val="000E1E52"/>
    <w:rsid w:val="000E1F18"/>
    <w:rsid w:val="000E1FE6"/>
    <w:rsid w:val="000E38C2"/>
    <w:rsid w:val="000E4123"/>
    <w:rsid w:val="000E47B5"/>
    <w:rsid w:val="000E6567"/>
    <w:rsid w:val="000E6FD6"/>
    <w:rsid w:val="000F01A0"/>
    <w:rsid w:val="000F1BF1"/>
    <w:rsid w:val="000F22B3"/>
    <w:rsid w:val="000F2BB2"/>
    <w:rsid w:val="000F2C72"/>
    <w:rsid w:val="000F33D4"/>
    <w:rsid w:val="000F4122"/>
    <w:rsid w:val="000F7576"/>
    <w:rsid w:val="00100217"/>
    <w:rsid w:val="00100474"/>
    <w:rsid w:val="00101440"/>
    <w:rsid w:val="0010191F"/>
    <w:rsid w:val="00101C95"/>
    <w:rsid w:val="00105051"/>
    <w:rsid w:val="001054F8"/>
    <w:rsid w:val="00105A40"/>
    <w:rsid w:val="00106D81"/>
    <w:rsid w:val="00107024"/>
    <w:rsid w:val="00107104"/>
    <w:rsid w:val="001075C4"/>
    <w:rsid w:val="0011081D"/>
    <w:rsid w:val="00111431"/>
    <w:rsid w:val="001138D3"/>
    <w:rsid w:val="0011461A"/>
    <w:rsid w:val="00114CA6"/>
    <w:rsid w:val="00116772"/>
    <w:rsid w:val="00116F04"/>
    <w:rsid w:val="00120512"/>
    <w:rsid w:val="00120BF1"/>
    <w:rsid w:val="00121271"/>
    <w:rsid w:val="00121CB5"/>
    <w:rsid w:val="0012355D"/>
    <w:rsid w:val="00124F39"/>
    <w:rsid w:val="001258B5"/>
    <w:rsid w:val="00125AA2"/>
    <w:rsid w:val="00126895"/>
    <w:rsid w:val="00127187"/>
    <w:rsid w:val="001273F9"/>
    <w:rsid w:val="00130CFB"/>
    <w:rsid w:val="00130D74"/>
    <w:rsid w:val="00130D94"/>
    <w:rsid w:val="00132F3F"/>
    <w:rsid w:val="00133EA6"/>
    <w:rsid w:val="00134115"/>
    <w:rsid w:val="0013434B"/>
    <w:rsid w:val="0013471A"/>
    <w:rsid w:val="00134AA0"/>
    <w:rsid w:val="00135351"/>
    <w:rsid w:val="0014004D"/>
    <w:rsid w:val="00142A64"/>
    <w:rsid w:val="00143C09"/>
    <w:rsid w:val="00146EB6"/>
    <w:rsid w:val="0014791E"/>
    <w:rsid w:val="00147C10"/>
    <w:rsid w:val="0015098B"/>
    <w:rsid w:val="00151D56"/>
    <w:rsid w:val="00155134"/>
    <w:rsid w:val="001557BE"/>
    <w:rsid w:val="001561EC"/>
    <w:rsid w:val="00156687"/>
    <w:rsid w:val="00156D14"/>
    <w:rsid w:val="00156E8C"/>
    <w:rsid w:val="0015783E"/>
    <w:rsid w:val="0016207F"/>
    <w:rsid w:val="00162F87"/>
    <w:rsid w:val="001631A5"/>
    <w:rsid w:val="001632AB"/>
    <w:rsid w:val="001667A9"/>
    <w:rsid w:val="00166C4C"/>
    <w:rsid w:val="00171EBD"/>
    <w:rsid w:val="00172037"/>
    <w:rsid w:val="00172955"/>
    <w:rsid w:val="00172B9B"/>
    <w:rsid w:val="001735E7"/>
    <w:rsid w:val="0017418B"/>
    <w:rsid w:val="00181E28"/>
    <w:rsid w:val="00183B2D"/>
    <w:rsid w:val="00183D52"/>
    <w:rsid w:val="00184FE7"/>
    <w:rsid w:val="00185113"/>
    <w:rsid w:val="0018650C"/>
    <w:rsid w:val="001874DC"/>
    <w:rsid w:val="00187C0C"/>
    <w:rsid w:val="00190477"/>
    <w:rsid w:val="001926EA"/>
    <w:rsid w:val="00192D22"/>
    <w:rsid w:val="001934EB"/>
    <w:rsid w:val="001943ED"/>
    <w:rsid w:val="0019511D"/>
    <w:rsid w:val="00195629"/>
    <w:rsid w:val="00195640"/>
    <w:rsid w:val="0019622E"/>
    <w:rsid w:val="001A05F1"/>
    <w:rsid w:val="001A063B"/>
    <w:rsid w:val="001A2C5D"/>
    <w:rsid w:val="001A34D9"/>
    <w:rsid w:val="001A41B0"/>
    <w:rsid w:val="001A5C72"/>
    <w:rsid w:val="001A636C"/>
    <w:rsid w:val="001A749A"/>
    <w:rsid w:val="001A770F"/>
    <w:rsid w:val="001B003A"/>
    <w:rsid w:val="001B09E2"/>
    <w:rsid w:val="001B125F"/>
    <w:rsid w:val="001B160F"/>
    <w:rsid w:val="001B18BC"/>
    <w:rsid w:val="001B1D5E"/>
    <w:rsid w:val="001B2836"/>
    <w:rsid w:val="001B426A"/>
    <w:rsid w:val="001B5BA9"/>
    <w:rsid w:val="001B76C0"/>
    <w:rsid w:val="001C2DB9"/>
    <w:rsid w:val="001C32D7"/>
    <w:rsid w:val="001D024A"/>
    <w:rsid w:val="001D067E"/>
    <w:rsid w:val="001D0A95"/>
    <w:rsid w:val="001D0CC8"/>
    <w:rsid w:val="001D246D"/>
    <w:rsid w:val="001D35AB"/>
    <w:rsid w:val="001D4591"/>
    <w:rsid w:val="001D4E56"/>
    <w:rsid w:val="001D785F"/>
    <w:rsid w:val="001E05F6"/>
    <w:rsid w:val="001E0648"/>
    <w:rsid w:val="001E0AAA"/>
    <w:rsid w:val="001E2066"/>
    <w:rsid w:val="001E3679"/>
    <w:rsid w:val="001E45D2"/>
    <w:rsid w:val="001E669A"/>
    <w:rsid w:val="001E7817"/>
    <w:rsid w:val="001E7F33"/>
    <w:rsid w:val="001F04A3"/>
    <w:rsid w:val="001F050D"/>
    <w:rsid w:val="001F08B1"/>
    <w:rsid w:val="001F1364"/>
    <w:rsid w:val="001F1627"/>
    <w:rsid w:val="001F21CC"/>
    <w:rsid w:val="001F3413"/>
    <w:rsid w:val="001F386C"/>
    <w:rsid w:val="001F505A"/>
    <w:rsid w:val="001F668A"/>
    <w:rsid w:val="001F701E"/>
    <w:rsid w:val="00200143"/>
    <w:rsid w:val="00200EEE"/>
    <w:rsid w:val="002011D6"/>
    <w:rsid w:val="00201491"/>
    <w:rsid w:val="002038F8"/>
    <w:rsid w:val="00203A6F"/>
    <w:rsid w:val="002064E0"/>
    <w:rsid w:val="00206838"/>
    <w:rsid w:val="00210B98"/>
    <w:rsid w:val="00211480"/>
    <w:rsid w:val="00212B7B"/>
    <w:rsid w:val="00214BB9"/>
    <w:rsid w:val="00214D9A"/>
    <w:rsid w:val="002159EA"/>
    <w:rsid w:val="00220BBD"/>
    <w:rsid w:val="002214B2"/>
    <w:rsid w:val="00224BE0"/>
    <w:rsid w:val="002255A5"/>
    <w:rsid w:val="00226DDA"/>
    <w:rsid w:val="00227163"/>
    <w:rsid w:val="00231A4B"/>
    <w:rsid w:val="002329AB"/>
    <w:rsid w:val="00234081"/>
    <w:rsid w:val="0023492E"/>
    <w:rsid w:val="00234B9A"/>
    <w:rsid w:val="00234D3C"/>
    <w:rsid w:val="00235A09"/>
    <w:rsid w:val="0023788F"/>
    <w:rsid w:val="00237C84"/>
    <w:rsid w:val="00244A13"/>
    <w:rsid w:val="0024531F"/>
    <w:rsid w:val="00245396"/>
    <w:rsid w:val="00245E20"/>
    <w:rsid w:val="00246414"/>
    <w:rsid w:val="00246AD1"/>
    <w:rsid w:val="00250D7C"/>
    <w:rsid w:val="00250FD0"/>
    <w:rsid w:val="00251B3D"/>
    <w:rsid w:val="00251F80"/>
    <w:rsid w:val="002533E7"/>
    <w:rsid w:val="00253C4E"/>
    <w:rsid w:val="00254A84"/>
    <w:rsid w:val="00255196"/>
    <w:rsid w:val="00255DF5"/>
    <w:rsid w:val="0025747E"/>
    <w:rsid w:val="002578D5"/>
    <w:rsid w:val="00257A84"/>
    <w:rsid w:val="00260B4A"/>
    <w:rsid w:val="00263A9B"/>
    <w:rsid w:val="00264CE2"/>
    <w:rsid w:val="00265ACF"/>
    <w:rsid w:val="002661B5"/>
    <w:rsid w:val="00267DBC"/>
    <w:rsid w:val="00267DE9"/>
    <w:rsid w:val="00270C63"/>
    <w:rsid w:val="00272474"/>
    <w:rsid w:val="0027274E"/>
    <w:rsid w:val="00272E39"/>
    <w:rsid w:val="0027330E"/>
    <w:rsid w:val="00275CB7"/>
    <w:rsid w:val="002815F5"/>
    <w:rsid w:val="002829A8"/>
    <w:rsid w:val="00282D69"/>
    <w:rsid w:val="00283232"/>
    <w:rsid w:val="00283647"/>
    <w:rsid w:val="0028410B"/>
    <w:rsid w:val="002868DF"/>
    <w:rsid w:val="00287B14"/>
    <w:rsid w:val="00291BCF"/>
    <w:rsid w:val="002922B0"/>
    <w:rsid w:val="00294810"/>
    <w:rsid w:val="00294928"/>
    <w:rsid w:val="00297EC6"/>
    <w:rsid w:val="002A09D4"/>
    <w:rsid w:val="002A145E"/>
    <w:rsid w:val="002A1683"/>
    <w:rsid w:val="002A2343"/>
    <w:rsid w:val="002A2D29"/>
    <w:rsid w:val="002A317A"/>
    <w:rsid w:val="002A34E7"/>
    <w:rsid w:val="002A3939"/>
    <w:rsid w:val="002A6A33"/>
    <w:rsid w:val="002A7048"/>
    <w:rsid w:val="002A7998"/>
    <w:rsid w:val="002A7C23"/>
    <w:rsid w:val="002B3857"/>
    <w:rsid w:val="002B3D10"/>
    <w:rsid w:val="002B5907"/>
    <w:rsid w:val="002C0661"/>
    <w:rsid w:val="002C20FE"/>
    <w:rsid w:val="002C3262"/>
    <w:rsid w:val="002C3D1B"/>
    <w:rsid w:val="002C447C"/>
    <w:rsid w:val="002C4CBF"/>
    <w:rsid w:val="002C4D9D"/>
    <w:rsid w:val="002C5663"/>
    <w:rsid w:val="002C598B"/>
    <w:rsid w:val="002C5C29"/>
    <w:rsid w:val="002C6790"/>
    <w:rsid w:val="002D0289"/>
    <w:rsid w:val="002D1D7C"/>
    <w:rsid w:val="002D1E8E"/>
    <w:rsid w:val="002D2481"/>
    <w:rsid w:val="002D301A"/>
    <w:rsid w:val="002D3F37"/>
    <w:rsid w:val="002D42EB"/>
    <w:rsid w:val="002D487D"/>
    <w:rsid w:val="002D4B71"/>
    <w:rsid w:val="002D4F55"/>
    <w:rsid w:val="002D71FA"/>
    <w:rsid w:val="002D7E25"/>
    <w:rsid w:val="002D7FA2"/>
    <w:rsid w:val="002E135B"/>
    <w:rsid w:val="002E1A33"/>
    <w:rsid w:val="002E1CC2"/>
    <w:rsid w:val="002E3001"/>
    <w:rsid w:val="002E3A09"/>
    <w:rsid w:val="002E3E9B"/>
    <w:rsid w:val="002E4A3E"/>
    <w:rsid w:val="002E6708"/>
    <w:rsid w:val="002E7CFC"/>
    <w:rsid w:val="002F0051"/>
    <w:rsid w:val="002F2498"/>
    <w:rsid w:val="002F3244"/>
    <w:rsid w:val="002F397C"/>
    <w:rsid w:val="0030052A"/>
    <w:rsid w:val="003038B4"/>
    <w:rsid w:val="00304E6B"/>
    <w:rsid w:val="00305031"/>
    <w:rsid w:val="00305235"/>
    <w:rsid w:val="0030630F"/>
    <w:rsid w:val="00310020"/>
    <w:rsid w:val="003107E8"/>
    <w:rsid w:val="0031102D"/>
    <w:rsid w:val="00311479"/>
    <w:rsid w:val="00312AC4"/>
    <w:rsid w:val="003132BD"/>
    <w:rsid w:val="00315AA6"/>
    <w:rsid w:val="00315C10"/>
    <w:rsid w:val="00315D75"/>
    <w:rsid w:val="0031724B"/>
    <w:rsid w:val="003174B2"/>
    <w:rsid w:val="00320E0D"/>
    <w:rsid w:val="00322B2D"/>
    <w:rsid w:val="00322DB8"/>
    <w:rsid w:val="003233B0"/>
    <w:rsid w:val="00325419"/>
    <w:rsid w:val="003256C8"/>
    <w:rsid w:val="00327C9F"/>
    <w:rsid w:val="0033026F"/>
    <w:rsid w:val="0033262E"/>
    <w:rsid w:val="00332B23"/>
    <w:rsid w:val="00332D66"/>
    <w:rsid w:val="00332ECD"/>
    <w:rsid w:val="0033443F"/>
    <w:rsid w:val="00334823"/>
    <w:rsid w:val="0033592C"/>
    <w:rsid w:val="00335C8D"/>
    <w:rsid w:val="003373AB"/>
    <w:rsid w:val="003427FD"/>
    <w:rsid w:val="0034358F"/>
    <w:rsid w:val="003447C7"/>
    <w:rsid w:val="00344D18"/>
    <w:rsid w:val="0034538C"/>
    <w:rsid w:val="00345EFB"/>
    <w:rsid w:val="00350E7D"/>
    <w:rsid w:val="003513B6"/>
    <w:rsid w:val="003517C3"/>
    <w:rsid w:val="00357F60"/>
    <w:rsid w:val="0036023E"/>
    <w:rsid w:val="00360385"/>
    <w:rsid w:val="00361D01"/>
    <w:rsid w:val="003628C7"/>
    <w:rsid w:val="0036341C"/>
    <w:rsid w:val="00363DDA"/>
    <w:rsid w:val="00363FF1"/>
    <w:rsid w:val="00364215"/>
    <w:rsid w:val="00364E00"/>
    <w:rsid w:val="00365EE7"/>
    <w:rsid w:val="00366736"/>
    <w:rsid w:val="00366F03"/>
    <w:rsid w:val="00367B84"/>
    <w:rsid w:val="003700A3"/>
    <w:rsid w:val="00371971"/>
    <w:rsid w:val="003722D9"/>
    <w:rsid w:val="00373933"/>
    <w:rsid w:val="00373951"/>
    <w:rsid w:val="003744C7"/>
    <w:rsid w:val="00374A72"/>
    <w:rsid w:val="0037627C"/>
    <w:rsid w:val="00376516"/>
    <w:rsid w:val="00376605"/>
    <w:rsid w:val="00377483"/>
    <w:rsid w:val="00377FE4"/>
    <w:rsid w:val="003801FB"/>
    <w:rsid w:val="00390629"/>
    <w:rsid w:val="00390682"/>
    <w:rsid w:val="00391349"/>
    <w:rsid w:val="00391FFC"/>
    <w:rsid w:val="0039248F"/>
    <w:rsid w:val="00392556"/>
    <w:rsid w:val="003933AB"/>
    <w:rsid w:val="003937E6"/>
    <w:rsid w:val="00394AB0"/>
    <w:rsid w:val="00396D44"/>
    <w:rsid w:val="00396DA7"/>
    <w:rsid w:val="00397CFE"/>
    <w:rsid w:val="003A0B52"/>
    <w:rsid w:val="003A0E2C"/>
    <w:rsid w:val="003A1275"/>
    <w:rsid w:val="003A18CA"/>
    <w:rsid w:val="003A2511"/>
    <w:rsid w:val="003A25B1"/>
    <w:rsid w:val="003A5298"/>
    <w:rsid w:val="003A5BBE"/>
    <w:rsid w:val="003A7033"/>
    <w:rsid w:val="003A71BE"/>
    <w:rsid w:val="003B05A3"/>
    <w:rsid w:val="003B0AF9"/>
    <w:rsid w:val="003B59F0"/>
    <w:rsid w:val="003B5BF2"/>
    <w:rsid w:val="003B6417"/>
    <w:rsid w:val="003B669C"/>
    <w:rsid w:val="003B6901"/>
    <w:rsid w:val="003B7088"/>
    <w:rsid w:val="003B713F"/>
    <w:rsid w:val="003C17EA"/>
    <w:rsid w:val="003C20A8"/>
    <w:rsid w:val="003C5A98"/>
    <w:rsid w:val="003C5BD6"/>
    <w:rsid w:val="003C60BE"/>
    <w:rsid w:val="003C7582"/>
    <w:rsid w:val="003D0ED8"/>
    <w:rsid w:val="003D1013"/>
    <w:rsid w:val="003D1F7C"/>
    <w:rsid w:val="003D2010"/>
    <w:rsid w:val="003D34FC"/>
    <w:rsid w:val="003D398D"/>
    <w:rsid w:val="003D4AF2"/>
    <w:rsid w:val="003D5690"/>
    <w:rsid w:val="003D58C9"/>
    <w:rsid w:val="003D6E02"/>
    <w:rsid w:val="003E054D"/>
    <w:rsid w:val="003E1211"/>
    <w:rsid w:val="003E2540"/>
    <w:rsid w:val="003E387E"/>
    <w:rsid w:val="003E5E3C"/>
    <w:rsid w:val="003E5FF1"/>
    <w:rsid w:val="003E6178"/>
    <w:rsid w:val="003F0CC0"/>
    <w:rsid w:val="003F40C7"/>
    <w:rsid w:val="003F4441"/>
    <w:rsid w:val="003F4C3F"/>
    <w:rsid w:val="003F55C8"/>
    <w:rsid w:val="003F69D3"/>
    <w:rsid w:val="003F76F3"/>
    <w:rsid w:val="00400077"/>
    <w:rsid w:val="00400FD9"/>
    <w:rsid w:val="00401F02"/>
    <w:rsid w:val="00402391"/>
    <w:rsid w:val="0040390C"/>
    <w:rsid w:val="004046C1"/>
    <w:rsid w:val="00405229"/>
    <w:rsid w:val="00405798"/>
    <w:rsid w:val="004069AA"/>
    <w:rsid w:val="00407329"/>
    <w:rsid w:val="00410AFB"/>
    <w:rsid w:val="004110A0"/>
    <w:rsid w:val="00411107"/>
    <w:rsid w:val="00412CBE"/>
    <w:rsid w:val="00414FF1"/>
    <w:rsid w:val="004156E3"/>
    <w:rsid w:val="00415AC8"/>
    <w:rsid w:val="004161AE"/>
    <w:rsid w:val="00417095"/>
    <w:rsid w:val="00417BAF"/>
    <w:rsid w:val="00420B4B"/>
    <w:rsid w:val="00420ED6"/>
    <w:rsid w:val="0042251F"/>
    <w:rsid w:val="004238BA"/>
    <w:rsid w:val="00424528"/>
    <w:rsid w:val="004246D7"/>
    <w:rsid w:val="00425F7C"/>
    <w:rsid w:val="00425FC2"/>
    <w:rsid w:val="004271DA"/>
    <w:rsid w:val="00427AD9"/>
    <w:rsid w:val="00427DBC"/>
    <w:rsid w:val="00431FD5"/>
    <w:rsid w:val="004327EF"/>
    <w:rsid w:val="00433ECA"/>
    <w:rsid w:val="00437D4A"/>
    <w:rsid w:val="004407E7"/>
    <w:rsid w:val="00440DE3"/>
    <w:rsid w:val="004421CA"/>
    <w:rsid w:val="00443AD7"/>
    <w:rsid w:val="00443C45"/>
    <w:rsid w:val="004461BB"/>
    <w:rsid w:val="004514F5"/>
    <w:rsid w:val="00452CAE"/>
    <w:rsid w:val="0045302E"/>
    <w:rsid w:val="004536B1"/>
    <w:rsid w:val="00453B0E"/>
    <w:rsid w:val="0045523E"/>
    <w:rsid w:val="004578CF"/>
    <w:rsid w:val="00460888"/>
    <w:rsid w:val="00461C8B"/>
    <w:rsid w:val="00462D54"/>
    <w:rsid w:val="00463A0E"/>
    <w:rsid w:val="004650DD"/>
    <w:rsid w:val="004667D5"/>
    <w:rsid w:val="00467691"/>
    <w:rsid w:val="004676CB"/>
    <w:rsid w:val="004724D1"/>
    <w:rsid w:val="00474D23"/>
    <w:rsid w:val="004777F1"/>
    <w:rsid w:val="00480147"/>
    <w:rsid w:val="0048133F"/>
    <w:rsid w:val="00481539"/>
    <w:rsid w:val="00482DFD"/>
    <w:rsid w:val="00482FCA"/>
    <w:rsid w:val="00484FCD"/>
    <w:rsid w:val="0048564F"/>
    <w:rsid w:val="00485865"/>
    <w:rsid w:val="004858A6"/>
    <w:rsid w:val="00485E6A"/>
    <w:rsid w:val="0048654C"/>
    <w:rsid w:val="004868A1"/>
    <w:rsid w:val="00487729"/>
    <w:rsid w:val="00490F54"/>
    <w:rsid w:val="004924A6"/>
    <w:rsid w:val="00492CC7"/>
    <w:rsid w:val="00492D2F"/>
    <w:rsid w:val="004943F4"/>
    <w:rsid w:val="0049481F"/>
    <w:rsid w:val="00495773"/>
    <w:rsid w:val="00496094"/>
    <w:rsid w:val="00496B45"/>
    <w:rsid w:val="00496C9B"/>
    <w:rsid w:val="00497508"/>
    <w:rsid w:val="004A12A9"/>
    <w:rsid w:val="004A149A"/>
    <w:rsid w:val="004A1BB5"/>
    <w:rsid w:val="004A2E21"/>
    <w:rsid w:val="004A43EF"/>
    <w:rsid w:val="004A4707"/>
    <w:rsid w:val="004A4AE8"/>
    <w:rsid w:val="004B0AC5"/>
    <w:rsid w:val="004B1FA1"/>
    <w:rsid w:val="004B5895"/>
    <w:rsid w:val="004B633E"/>
    <w:rsid w:val="004B7E57"/>
    <w:rsid w:val="004C0E59"/>
    <w:rsid w:val="004C22AE"/>
    <w:rsid w:val="004C311F"/>
    <w:rsid w:val="004C35F5"/>
    <w:rsid w:val="004C3DB2"/>
    <w:rsid w:val="004C418B"/>
    <w:rsid w:val="004C4195"/>
    <w:rsid w:val="004C4C0B"/>
    <w:rsid w:val="004C5908"/>
    <w:rsid w:val="004C6C9B"/>
    <w:rsid w:val="004C70DE"/>
    <w:rsid w:val="004C721F"/>
    <w:rsid w:val="004C77A1"/>
    <w:rsid w:val="004D2288"/>
    <w:rsid w:val="004D3FA5"/>
    <w:rsid w:val="004D4E85"/>
    <w:rsid w:val="004D5FBF"/>
    <w:rsid w:val="004D7E3E"/>
    <w:rsid w:val="004E195F"/>
    <w:rsid w:val="004E1E9C"/>
    <w:rsid w:val="004E204B"/>
    <w:rsid w:val="004E33F7"/>
    <w:rsid w:val="004E3CF2"/>
    <w:rsid w:val="004E4458"/>
    <w:rsid w:val="004E582D"/>
    <w:rsid w:val="004E6024"/>
    <w:rsid w:val="004E6791"/>
    <w:rsid w:val="004E6F3A"/>
    <w:rsid w:val="004F0C6E"/>
    <w:rsid w:val="004F179B"/>
    <w:rsid w:val="004F2A46"/>
    <w:rsid w:val="004F305D"/>
    <w:rsid w:val="004F4156"/>
    <w:rsid w:val="004F49FB"/>
    <w:rsid w:val="004F6AC6"/>
    <w:rsid w:val="004F7200"/>
    <w:rsid w:val="004F7B6B"/>
    <w:rsid w:val="00501124"/>
    <w:rsid w:val="005025C1"/>
    <w:rsid w:val="00502EB6"/>
    <w:rsid w:val="00503A29"/>
    <w:rsid w:val="0050522F"/>
    <w:rsid w:val="005105A2"/>
    <w:rsid w:val="00511687"/>
    <w:rsid w:val="00511ED5"/>
    <w:rsid w:val="00513102"/>
    <w:rsid w:val="005131FE"/>
    <w:rsid w:val="00513601"/>
    <w:rsid w:val="00513685"/>
    <w:rsid w:val="00513820"/>
    <w:rsid w:val="005144B6"/>
    <w:rsid w:val="00515049"/>
    <w:rsid w:val="005151CA"/>
    <w:rsid w:val="005204DF"/>
    <w:rsid w:val="00521745"/>
    <w:rsid w:val="00521D6C"/>
    <w:rsid w:val="00522D30"/>
    <w:rsid w:val="005237BF"/>
    <w:rsid w:val="005243C2"/>
    <w:rsid w:val="005248C1"/>
    <w:rsid w:val="00524E34"/>
    <w:rsid w:val="00524FA0"/>
    <w:rsid w:val="00525442"/>
    <w:rsid w:val="0052560E"/>
    <w:rsid w:val="00526245"/>
    <w:rsid w:val="005307AA"/>
    <w:rsid w:val="005325D5"/>
    <w:rsid w:val="005327D5"/>
    <w:rsid w:val="005330F2"/>
    <w:rsid w:val="0053354B"/>
    <w:rsid w:val="00534BC6"/>
    <w:rsid w:val="00534EDC"/>
    <w:rsid w:val="00535DBB"/>
    <w:rsid w:val="005363CF"/>
    <w:rsid w:val="00537F12"/>
    <w:rsid w:val="005405FE"/>
    <w:rsid w:val="005412F0"/>
    <w:rsid w:val="005414F1"/>
    <w:rsid w:val="00541B63"/>
    <w:rsid w:val="00543880"/>
    <w:rsid w:val="00543DCE"/>
    <w:rsid w:val="005454A8"/>
    <w:rsid w:val="0054622E"/>
    <w:rsid w:val="00546D4E"/>
    <w:rsid w:val="00551A86"/>
    <w:rsid w:val="00552147"/>
    <w:rsid w:val="00552161"/>
    <w:rsid w:val="005522A7"/>
    <w:rsid w:val="00553E88"/>
    <w:rsid w:val="005543A9"/>
    <w:rsid w:val="00554F78"/>
    <w:rsid w:val="00555CE4"/>
    <w:rsid w:val="0055612A"/>
    <w:rsid w:val="00556BCF"/>
    <w:rsid w:val="00560ECF"/>
    <w:rsid w:val="00561BB3"/>
    <w:rsid w:val="005622C0"/>
    <w:rsid w:val="00562486"/>
    <w:rsid w:val="00562DE0"/>
    <w:rsid w:val="00564E40"/>
    <w:rsid w:val="005662E2"/>
    <w:rsid w:val="0056682D"/>
    <w:rsid w:val="005674DF"/>
    <w:rsid w:val="00567910"/>
    <w:rsid w:val="005705F3"/>
    <w:rsid w:val="0057074C"/>
    <w:rsid w:val="005712AC"/>
    <w:rsid w:val="00571542"/>
    <w:rsid w:val="00571A07"/>
    <w:rsid w:val="00574D4E"/>
    <w:rsid w:val="0057608E"/>
    <w:rsid w:val="005806B5"/>
    <w:rsid w:val="00581308"/>
    <w:rsid w:val="0058141E"/>
    <w:rsid w:val="0058181B"/>
    <w:rsid w:val="00584D16"/>
    <w:rsid w:val="0058557E"/>
    <w:rsid w:val="005856F6"/>
    <w:rsid w:val="00585904"/>
    <w:rsid w:val="00587092"/>
    <w:rsid w:val="00587A83"/>
    <w:rsid w:val="00590CC3"/>
    <w:rsid w:val="0059380E"/>
    <w:rsid w:val="00594522"/>
    <w:rsid w:val="005946B9"/>
    <w:rsid w:val="00596253"/>
    <w:rsid w:val="005965ED"/>
    <w:rsid w:val="0059746D"/>
    <w:rsid w:val="00597989"/>
    <w:rsid w:val="005A098D"/>
    <w:rsid w:val="005A0F28"/>
    <w:rsid w:val="005A1C6D"/>
    <w:rsid w:val="005A24BB"/>
    <w:rsid w:val="005A2889"/>
    <w:rsid w:val="005A2B4B"/>
    <w:rsid w:val="005A2DF1"/>
    <w:rsid w:val="005A3C40"/>
    <w:rsid w:val="005A3CA1"/>
    <w:rsid w:val="005A4834"/>
    <w:rsid w:val="005A4FFF"/>
    <w:rsid w:val="005A5686"/>
    <w:rsid w:val="005A74E8"/>
    <w:rsid w:val="005B0DA3"/>
    <w:rsid w:val="005B185A"/>
    <w:rsid w:val="005B2D29"/>
    <w:rsid w:val="005B3AC6"/>
    <w:rsid w:val="005B438F"/>
    <w:rsid w:val="005B48AA"/>
    <w:rsid w:val="005B59D3"/>
    <w:rsid w:val="005B695B"/>
    <w:rsid w:val="005B69CC"/>
    <w:rsid w:val="005B6D76"/>
    <w:rsid w:val="005B6E92"/>
    <w:rsid w:val="005C323D"/>
    <w:rsid w:val="005C475D"/>
    <w:rsid w:val="005C6708"/>
    <w:rsid w:val="005C74EC"/>
    <w:rsid w:val="005C774D"/>
    <w:rsid w:val="005D0DB4"/>
    <w:rsid w:val="005D76A0"/>
    <w:rsid w:val="005D7DC1"/>
    <w:rsid w:val="005E19E0"/>
    <w:rsid w:val="005E4E4C"/>
    <w:rsid w:val="005E512F"/>
    <w:rsid w:val="005E6157"/>
    <w:rsid w:val="005E6334"/>
    <w:rsid w:val="005F05D2"/>
    <w:rsid w:val="005F1250"/>
    <w:rsid w:val="005F213E"/>
    <w:rsid w:val="005F21AB"/>
    <w:rsid w:val="005F46D6"/>
    <w:rsid w:val="005F4775"/>
    <w:rsid w:val="005F66DB"/>
    <w:rsid w:val="005F72D2"/>
    <w:rsid w:val="005F75F3"/>
    <w:rsid w:val="0060007C"/>
    <w:rsid w:val="006007D5"/>
    <w:rsid w:val="0060112B"/>
    <w:rsid w:val="00602074"/>
    <w:rsid w:val="00602D9C"/>
    <w:rsid w:val="00604486"/>
    <w:rsid w:val="00605CD9"/>
    <w:rsid w:val="0060605A"/>
    <w:rsid w:val="006061BF"/>
    <w:rsid w:val="00607846"/>
    <w:rsid w:val="00607A30"/>
    <w:rsid w:val="00607EF8"/>
    <w:rsid w:val="006105DB"/>
    <w:rsid w:val="006110D6"/>
    <w:rsid w:val="00612116"/>
    <w:rsid w:val="0061267D"/>
    <w:rsid w:val="006126F7"/>
    <w:rsid w:val="00613D7A"/>
    <w:rsid w:val="006165BA"/>
    <w:rsid w:val="00617908"/>
    <w:rsid w:val="006232F8"/>
    <w:rsid w:val="00623EB2"/>
    <w:rsid w:val="00624EE7"/>
    <w:rsid w:val="00625232"/>
    <w:rsid w:val="00625E4E"/>
    <w:rsid w:val="00626633"/>
    <w:rsid w:val="0062799F"/>
    <w:rsid w:val="00627E44"/>
    <w:rsid w:val="006306B6"/>
    <w:rsid w:val="0063086D"/>
    <w:rsid w:val="00631C83"/>
    <w:rsid w:val="00632B64"/>
    <w:rsid w:val="00632EDF"/>
    <w:rsid w:val="0063357E"/>
    <w:rsid w:val="00634275"/>
    <w:rsid w:val="006351FD"/>
    <w:rsid w:val="00635C5F"/>
    <w:rsid w:val="0063647E"/>
    <w:rsid w:val="00636D2C"/>
    <w:rsid w:val="006464E3"/>
    <w:rsid w:val="006476FF"/>
    <w:rsid w:val="00647772"/>
    <w:rsid w:val="00650FEA"/>
    <w:rsid w:val="0065571A"/>
    <w:rsid w:val="006565A4"/>
    <w:rsid w:val="00657747"/>
    <w:rsid w:val="00660374"/>
    <w:rsid w:val="00662AE4"/>
    <w:rsid w:val="00662CAF"/>
    <w:rsid w:val="006636F6"/>
    <w:rsid w:val="00665971"/>
    <w:rsid w:val="00666B14"/>
    <w:rsid w:val="006671D9"/>
    <w:rsid w:val="006671DD"/>
    <w:rsid w:val="00667861"/>
    <w:rsid w:val="00667C77"/>
    <w:rsid w:val="00670E6C"/>
    <w:rsid w:val="00671097"/>
    <w:rsid w:val="0067519A"/>
    <w:rsid w:val="00676AA1"/>
    <w:rsid w:val="00676D43"/>
    <w:rsid w:val="0067783E"/>
    <w:rsid w:val="00677D54"/>
    <w:rsid w:val="00680176"/>
    <w:rsid w:val="00680236"/>
    <w:rsid w:val="006805C4"/>
    <w:rsid w:val="00680B50"/>
    <w:rsid w:val="006810E6"/>
    <w:rsid w:val="006815DC"/>
    <w:rsid w:val="00681DAD"/>
    <w:rsid w:val="0068211B"/>
    <w:rsid w:val="00682ADC"/>
    <w:rsid w:val="00682E6E"/>
    <w:rsid w:val="006845A0"/>
    <w:rsid w:val="00685390"/>
    <w:rsid w:val="00685963"/>
    <w:rsid w:val="006869F7"/>
    <w:rsid w:val="00687C90"/>
    <w:rsid w:val="00690326"/>
    <w:rsid w:val="00692F2C"/>
    <w:rsid w:val="006933EB"/>
    <w:rsid w:val="00693487"/>
    <w:rsid w:val="0069434C"/>
    <w:rsid w:val="00694D47"/>
    <w:rsid w:val="00696062"/>
    <w:rsid w:val="00696C25"/>
    <w:rsid w:val="00697038"/>
    <w:rsid w:val="00697633"/>
    <w:rsid w:val="00697792"/>
    <w:rsid w:val="00697F12"/>
    <w:rsid w:val="00697FB1"/>
    <w:rsid w:val="00697FE8"/>
    <w:rsid w:val="006A0EC3"/>
    <w:rsid w:val="006A1649"/>
    <w:rsid w:val="006A1F30"/>
    <w:rsid w:val="006A2D69"/>
    <w:rsid w:val="006A38BD"/>
    <w:rsid w:val="006A4AA0"/>
    <w:rsid w:val="006A4D53"/>
    <w:rsid w:val="006A5D58"/>
    <w:rsid w:val="006A5F5C"/>
    <w:rsid w:val="006A6ACD"/>
    <w:rsid w:val="006A6BB9"/>
    <w:rsid w:val="006A7485"/>
    <w:rsid w:val="006A7606"/>
    <w:rsid w:val="006B1101"/>
    <w:rsid w:val="006B38F7"/>
    <w:rsid w:val="006B39CB"/>
    <w:rsid w:val="006B441A"/>
    <w:rsid w:val="006B4487"/>
    <w:rsid w:val="006B6375"/>
    <w:rsid w:val="006B69A4"/>
    <w:rsid w:val="006B69C2"/>
    <w:rsid w:val="006B7983"/>
    <w:rsid w:val="006C105E"/>
    <w:rsid w:val="006C1934"/>
    <w:rsid w:val="006C278F"/>
    <w:rsid w:val="006C3F10"/>
    <w:rsid w:val="006C64EE"/>
    <w:rsid w:val="006D03C5"/>
    <w:rsid w:val="006D0AD9"/>
    <w:rsid w:val="006D1954"/>
    <w:rsid w:val="006D1CC4"/>
    <w:rsid w:val="006D372F"/>
    <w:rsid w:val="006D6C40"/>
    <w:rsid w:val="006D78D7"/>
    <w:rsid w:val="006E0CC9"/>
    <w:rsid w:val="006E1431"/>
    <w:rsid w:val="006E3379"/>
    <w:rsid w:val="006E47ED"/>
    <w:rsid w:val="006E5B43"/>
    <w:rsid w:val="006E6259"/>
    <w:rsid w:val="006E6CA1"/>
    <w:rsid w:val="006F54FE"/>
    <w:rsid w:val="006F6DC7"/>
    <w:rsid w:val="006F6FF0"/>
    <w:rsid w:val="006F7D23"/>
    <w:rsid w:val="00700CA4"/>
    <w:rsid w:val="007023DF"/>
    <w:rsid w:val="00702468"/>
    <w:rsid w:val="007031AE"/>
    <w:rsid w:val="00703BF2"/>
    <w:rsid w:val="00703C1D"/>
    <w:rsid w:val="00704989"/>
    <w:rsid w:val="007051FA"/>
    <w:rsid w:val="00705DD1"/>
    <w:rsid w:val="00706D96"/>
    <w:rsid w:val="00707F52"/>
    <w:rsid w:val="007104B1"/>
    <w:rsid w:val="00710A97"/>
    <w:rsid w:val="00711D4C"/>
    <w:rsid w:val="00712276"/>
    <w:rsid w:val="00713149"/>
    <w:rsid w:val="00714237"/>
    <w:rsid w:val="00714819"/>
    <w:rsid w:val="00717C51"/>
    <w:rsid w:val="00720491"/>
    <w:rsid w:val="00720E7C"/>
    <w:rsid w:val="00721D7A"/>
    <w:rsid w:val="007223B8"/>
    <w:rsid w:val="00722EF2"/>
    <w:rsid w:val="00724CDE"/>
    <w:rsid w:val="00725F3E"/>
    <w:rsid w:val="00727003"/>
    <w:rsid w:val="00732A8D"/>
    <w:rsid w:val="00734A13"/>
    <w:rsid w:val="00736166"/>
    <w:rsid w:val="00736C9E"/>
    <w:rsid w:val="00737A9A"/>
    <w:rsid w:val="007418AB"/>
    <w:rsid w:val="00741A8A"/>
    <w:rsid w:val="0074260D"/>
    <w:rsid w:val="00742968"/>
    <w:rsid w:val="00742E01"/>
    <w:rsid w:val="00745414"/>
    <w:rsid w:val="00745784"/>
    <w:rsid w:val="007458D0"/>
    <w:rsid w:val="0074600C"/>
    <w:rsid w:val="0074722E"/>
    <w:rsid w:val="00747574"/>
    <w:rsid w:val="007476BA"/>
    <w:rsid w:val="00751426"/>
    <w:rsid w:val="00751797"/>
    <w:rsid w:val="007524CB"/>
    <w:rsid w:val="00753B30"/>
    <w:rsid w:val="007541DE"/>
    <w:rsid w:val="00756981"/>
    <w:rsid w:val="00756B42"/>
    <w:rsid w:val="00756C77"/>
    <w:rsid w:val="00757638"/>
    <w:rsid w:val="007612F5"/>
    <w:rsid w:val="007631E2"/>
    <w:rsid w:val="00763A8F"/>
    <w:rsid w:val="00763EA1"/>
    <w:rsid w:val="00765584"/>
    <w:rsid w:val="00765857"/>
    <w:rsid w:val="007667CD"/>
    <w:rsid w:val="00767317"/>
    <w:rsid w:val="00767747"/>
    <w:rsid w:val="0077042A"/>
    <w:rsid w:val="0077115C"/>
    <w:rsid w:val="007723CF"/>
    <w:rsid w:val="007735FF"/>
    <w:rsid w:val="0077415B"/>
    <w:rsid w:val="007743CA"/>
    <w:rsid w:val="007747BA"/>
    <w:rsid w:val="007756A0"/>
    <w:rsid w:val="007771AD"/>
    <w:rsid w:val="00777DC7"/>
    <w:rsid w:val="00777FBB"/>
    <w:rsid w:val="00780BF2"/>
    <w:rsid w:val="00781C39"/>
    <w:rsid w:val="00781FDE"/>
    <w:rsid w:val="007827D8"/>
    <w:rsid w:val="00782BBD"/>
    <w:rsid w:val="00785201"/>
    <w:rsid w:val="007855C8"/>
    <w:rsid w:val="00786578"/>
    <w:rsid w:val="0078725E"/>
    <w:rsid w:val="0078728C"/>
    <w:rsid w:val="00787647"/>
    <w:rsid w:val="00787BC3"/>
    <w:rsid w:val="00787F63"/>
    <w:rsid w:val="00790EB0"/>
    <w:rsid w:val="007912B5"/>
    <w:rsid w:val="00791501"/>
    <w:rsid w:val="00795254"/>
    <w:rsid w:val="00796F26"/>
    <w:rsid w:val="00797544"/>
    <w:rsid w:val="007A09C0"/>
    <w:rsid w:val="007A187E"/>
    <w:rsid w:val="007A18D6"/>
    <w:rsid w:val="007A21A7"/>
    <w:rsid w:val="007A269E"/>
    <w:rsid w:val="007A282F"/>
    <w:rsid w:val="007A2E93"/>
    <w:rsid w:val="007A3080"/>
    <w:rsid w:val="007A3812"/>
    <w:rsid w:val="007A3B64"/>
    <w:rsid w:val="007A3E18"/>
    <w:rsid w:val="007A43E9"/>
    <w:rsid w:val="007A4B41"/>
    <w:rsid w:val="007A690C"/>
    <w:rsid w:val="007A6D47"/>
    <w:rsid w:val="007A7797"/>
    <w:rsid w:val="007A7C75"/>
    <w:rsid w:val="007A7EAB"/>
    <w:rsid w:val="007B057B"/>
    <w:rsid w:val="007B2120"/>
    <w:rsid w:val="007B33F9"/>
    <w:rsid w:val="007B3BB2"/>
    <w:rsid w:val="007B50BB"/>
    <w:rsid w:val="007B54FE"/>
    <w:rsid w:val="007B5670"/>
    <w:rsid w:val="007B5D25"/>
    <w:rsid w:val="007B6D70"/>
    <w:rsid w:val="007B7D26"/>
    <w:rsid w:val="007C04C8"/>
    <w:rsid w:val="007C0CB5"/>
    <w:rsid w:val="007C1443"/>
    <w:rsid w:val="007C2AC1"/>
    <w:rsid w:val="007C38DF"/>
    <w:rsid w:val="007C3D7B"/>
    <w:rsid w:val="007C6C19"/>
    <w:rsid w:val="007C77FF"/>
    <w:rsid w:val="007C7C1E"/>
    <w:rsid w:val="007D0F27"/>
    <w:rsid w:val="007D1A58"/>
    <w:rsid w:val="007D201F"/>
    <w:rsid w:val="007D2CE8"/>
    <w:rsid w:val="007D30D3"/>
    <w:rsid w:val="007D327A"/>
    <w:rsid w:val="007D3D8E"/>
    <w:rsid w:val="007D48D7"/>
    <w:rsid w:val="007E0227"/>
    <w:rsid w:val="007E08E4"/>
    <w:rsid w:val="007E1223"/>
    <w:rsid w:val="007E1F1A"/>
    <w:rsid w:val="007E1F21"/>
    <w:rsid w:val="007E211A"/>
    <w:rsid w:val="007E2B68"/>
    <w:rsid w:val="007E308B"/>
    <w:rsid w:val="007E3744"/>
    <w:rsid w:val="007E3C47"/>
    <w:rsid w:val="007E44E8"/>
    <w:rsid w:val="007E591B"/>
    <w:rsid w:val="007E6EDB"/>
    <w:rsid w:val="007E7443"/>
    <w:rsid w:val="007E7A61"/>
    <w:rsid w:val="007F1388"/>
    <w:rsid w:val="007F1ECB"/>
    <w:rsid w:val="007F3EF3"/>
    <w:rsid w:val="007F3F6E"/>
    <w:rsid w:val="007F5094"/>
    <w:rsid w:val="007F50E4"/>
    <w:rsid w:val="007F6BFB"/>
    <w:rsid w:val="00800190"/>
    <w:rsid w:val="008003C6"/>
    <w:rsid w:val="00800D1D"/>
    <w:rsid w:val="00802830"/>
    <w:rsid w:val="00805373"/>
    <w:rsid w:val="0080602B"/>
    <w:rsid w:val="00807EBF"/>
    <w:rsid w:val="00812180"/>
    <w:rsid w:val="0081300E"/>
    <w:rsid w:val="008131DA"/>
    <w:rsid w:val="008132A7"/>
    <w:rsid w:val="00813B3E"/>
    <w:rsid w:val="0081401F"/>
    <w:rsid w:val="0081417E"/>
    <w:rsid w:val="008149BA"/>
    <w:rsid w:val="00815689"/>
    <w:rsid w:val="0081637E"/>
    <w:rsid w:val="0081734A"/>
    <w:rsid w:val="00820D48"/>
    <w:rsid w:val="00820E84"/>
    <w:rsid w:val="00820F58"/>
    <w:rsid w:val="008233BD"/>
    <w:rsid w:val="00824508"/>
    <w:rsid w:val="00824800"/>
    <w:rsid w:val="00824DC0"/>
    <w:rsid w:val="0082548F"/>
    <w:rsid w:val="00826175"/>
    <w:rsid w:val="00826F58"/>
    <w:rsid w:val="00826FBA"/>
    <w:rsid w:val="0082779B"/>
    <w:rsid w:val="008305D8"/>
    <w:rsid w:val="00832E91"/>
    <w:rsid w:val="00835C74"/>
    <w:rsid w:val="00835EB6"/>
    <w:rsid w:val="00837572"/>
    <w:rsid w:val="0083771B"/>
    <w:rsid w:val="0084160E"/>
    <w:rsid w:val="008431CA"/>
    <w:rsid w:val="00844087"/>
    <w:rsid w:val="0084605F"/>
    <w:rsid w:val="00846F8D"/>
    <w:rsid w:val="00847201"/>
    <w:rsid w:val="00847BF0"/>
    <w:rsid w:val="00847EA9"/>
    <w:rsid w:val="0085081D"/>
    <w:rsid w:val="0085082B"/>
    <w:rsid w:val="00851E43"/>
    <w:rsid w:val="008521D3"/>
    <w:rsid w:val="00854BD1"/>
    <w:rsid w:val="00854F86"/>
    <w:rsid w:val="008566FD"/>
    <w:rsid w:val="00860210"/>
    <w:rsid w:val="00862575"/>
    <w:rsid w:val="0086602F"/>
    <w:rsid w:val="0086712C"/>
    <w:rsid w:val="00870F04"/>
    <w:rsid w:val="00872197"/>
    <w:rsid w:val="00872F6A"/>
    <w:rsid w:val="00873231"/>
    <w:rsid w:val="00873610"/>
    <w:rsid w:val="00873702"/>
    <w:rsid w:val="00873DBF"/>
    <w:rsid w:val="00873E74"/>
    <w:rsid w:val="00873F0A"/>
    <w:rsid w:val="00874E42"/>
    <w:rsid w:val="00876C28"/>
    <w:rsid w:val="00876D30"/>
    <w:rsid w:val="00876DF9"/>
    <w:rsid w:val="00880720"/>
    <w:rsid w:val="008811B1"/>
    <w:rsid w:val="008816FB"/>
    <w:rsid w:val="00881D98"/>
    <w:rsid w:val="008840DC"/>
    <w:rsid w:val="00887900"/>
    <w:rsid w:val="00887EE0"/>
    <w:rsid w:val="00890A0F"/>
    <w:rsid w:val="00892833"/>
    <w:rsid w:val="008928D0"/>
    <w:rsid w:val="0089374C"/>
    <w:rsid w:val="00894982"/>
    <w:rsid w:val="008971BD"/>
    <w:rsid w:val="0089778B"/>
    <w:rsid w:val="008A0649"/>
    <w:rsid w:val="008A110A"/>
    <w:rsid w:val="008A11F8"/>
    <w:rsid w:val="008A187C"/>
    <w:rsid w:val="008A2464"/>
    <w:rsid w:val="008A3F53"/>
    <w:rsid w:val="008A3FEB"/>
    <w:rsid w:val="008A5105"/>
    <w:rsid w:val="008A5628"/>
    <w:rsid w:val="008A63FE"/>
    <w:rsid w:val="008A7E60"/>
    <w:rsid w:val="008B08F0"/>
    <w:rsid w:val="008B0A3F"/>
    <w:rsid w:val="008B1B4A"/>
    <w:rsid w:val="008B44F9"/>
    <w:rsid w:val="008B452E"/>
    <w:rsid w:val="008B6C9B"/>
    <w:rsid w:val="008C17A6"/>
    <w:rsid w:val="008C2340"/>
    <w:rsid w:val="008C355A"/>
    <w:rsid w:val="008C3CBF"/>
    <w:rsid w:val="008C5163"/>
    <w:rsid w:val="008C5BA6"/>
    <w:rsid w:val="008C5E8E"/>
    <w:rsid w:val="008C5EDE"/>
    <w:rsid w:val="008C64CC"/>
    <w:rsid w:val="008C6F6D"/>
    <w:rsid w:val="008C7234"/>
    <w:rsid w:val="008C735A"/>
    <w:rsid w:val="008C7CAA"/>
    <w:rsid w:val="008D117E"/>
    <w:rsid w:val="008D289C"/>
    <w:rsid w:val="008D2B4B"/>
    <w:rsid w:val="008D2C38"/>
    <w:rsid w:val="008D3FAF"/>
    <w:rsid w:val="008D451A"/>
    <w:rsid w:val="008D74F9"/>
    <w:rsid w:val="008E07E8"/>
    <w:rsid w:val="008E1007"/>
    <w:rsid w:val="008E1EC8"/>
    <w:rsid w:val="008E2336"/>
    <w:rsid w:val="008E2ABB"/>
    <w:rsid w:val="008E5C1C"/>
    <w:rsid w:val="008E6A3A"/>
    <w:rsid w:val="008E7988"/>
    <w:rsid w:val="008F2EC2"/>
    <w:rsid w:val="008F3CFC"/>
    <w:rsid w:val="008F64C5"/>
    <w:rsid w:val="008F6C6F"/>
    <w:rsid w:val="008F73A1"/>
    <w:rsid w:val="00901352"/>
    <w:rsid w:val="00901D7C"/>
    <w:rsid w:val="009036AC"/>
    <w:rsid w:val="00905A05"/>
    <w:rsid w:val="00907093"/>
    <w:rsid w:val="009118DC"/>
    <w:rsid w:val="00911A6F"/>
    <w:rsid w:val="00912AAA"/>
    <w:rsid w:val="0091386A"/>
    <w:rsid w:val="00913C46"/>
    <w:rsid w:val="00915422"/>
    <w:rsid w:val="00916A24"/>
    <w:rsid w:val="00916B3C"/>
    <w:rsid w:val="00917696"/>
    <w:rsid w:val="00921384"/>
    <w:rsid w:val="00921CD2"/>
    <w:rsid w:val="00924B37"/>
    <w:rsid w:val="00924C00"/>
    <w:rsid w:val="0092594A"/>
    <w:rsid w:val="00926DF0"/>
    <w:rsid w:val="009270EF"/>
    <w:rsid w:val="00927301"/>
    <w:rsid w:val="009305AB"/>
    <w:rsid w:val="00930D60"/>
    <w:rsid w:val="00930EE2"/>
    <w:rsid w:val="0093197E"/>
    <w:rsid w:val="009319B9"/>
    <w:rsid w:val="009322CE"/>
    <w:rsid w:val="00934796"/>
    <w:rsid w:val="009349F6"/>
    <w:rsid w:val="00934A33"/>
    <w:rsid w:val="00934D2B"/>
    <w:rsid w:val="00935AF7"/>
    <w:rsid w:val="00936178"/>
    <w:rsid w:val="00936F18"/>
    <w:rsid w:val="0094035D"/>
    <w:rsid w:val="0094159E"/>
    <w:rsid w:val="00941D6D"/>
    <w:rsid w:val="009424B1"/>
    <w:rsid w:val="00942783"/>
    <w:rsid w:val="00943136"/>
    <w:rsid w:val="00943FDE"/>
    <w:rsid w:val="00944E57"/>
    <w:rsid w:val="009458F6"/>
    <w:rsid w:val="00945F55"/>
    <w:rsid w:val="00950A50"/>
    <w:rsid w:val="0095202B"/>
    <w:rsid w:val="009528D0"/>
    <w:rsid w:val="00952F37"/>
    <w:rsid w:val="00953D3A"/>
    <w:rsid w:val="00955166"/>
    <w:rsid w:val="0095594E"/>
    <w:rsid w:val="00956010"/>
    <w:rsid w:val="009576AC"/>
    <w:rsid w:val="00960053"/>
    <w:rsid w:val="009606C7"/>
    <w:rsid w:val="009629CD"/>
    <w:rsid w:val="00962BC9"/>
    <w:rsid w:val="009638CC"/>
    <w:rsid w:val="009653C3"/>
    <w:rsid w:val="009665F5"/>
    <w:rsid w:val="00967C2A"/>
    <w:rsid w:val="00967CC0"/>
    <w:rsid w:val="00970B2F"/>
    <w:rsid w:val="00970C4A"/>
    <w:rsid w:val="00973B4B"/>
    <w:rsid w:val="00974798"/>
    <w:rsid w:val="00974CC9"/>
    <w:rsid w:val="009750C5"/>
    <w:rsid w:val="00975635"/>
    <w:rsid w:val="00981769"/>
    <w:rsid w:val="0098325A"/>
    <w:rsid w:val="00983465"/>
    <w:rsid w:val="00983A84"/>
    <w:rsid w:val="009844E4"/>
    <w:rsid w:val="00984A2B"/>
    <w:rsid w:val="00984BB7"/>
    <w:rsid w:val="00984BFC"/>
    <w:rsid w:val="00985709"/>
    <w:rsid w:val="0098655D"/>
    <w:rsid w:val="00990D3D"/>
    <w:rsid w:val="00993630"/>
    <w:rsid w:val="00994174"/>
    <w:rsid w:val="009943E9"/>
    <w:rsid w:val="00995981"/>
    <w:rsid w:val="00996226"/>
    <w:rsid w:val="009963B3"/>
    <w:rsid w:val="00996A55"/>
    <w:rsid w:val="00996F83"/>
    <w:rsid w:val="0099777E"/>
    <w:rsid w:val="00997C66"/>
    <w:rsid w:val="009A0A5A"/>
    <w:rsid w:val="009A0C8D"/>
    <w:rsid w:val="009A1853"/>
    <w:rsid w:val="009A195B"/>
    <w:rsid w:val="009A1DAF"/>
    <w:rsid w:val="009A2698"/>
    <w:rsid w:val="009A3E8D"/>
    <w:rsid w:val="009A5789"/>
    <w:rsid w:val="009A5B04"/>
    <w:rsid w:val="009A5D3B"/>
    <w:rsid w:val="009A61FA"/>
    <w:rsid w:val="009B0B67"/>
    <w:rsid w:val="009B10CE"/>
    <w:rsid w:val="009B1B8B"/>
    <w:rsid w:val="009B374A"/>
    <w:rsid w:val="009B489B"/>
    <w:rsid w:val="009B4946"/>
    <w:rsid w:val="009B4A44"/>
    <w:rsid w:val="009B563A"/>
    <w:rsid w:val="009B5E97"/>
    <w:rsid w:val="009B610C"/>
    <w:rsid w:val="009B75A3"/>
    <w:rsid w:val="009B77D6"/>
    <w:rsid w:val="009B7EA7"/>
    <w:rsid w:val="009B7FA0"/>
    <w:rsid w:val="009C073E"/>
    <w:rsid w:val="009C266F"/>
    <w:rsid w:val="009C38F7"/>
    <w:rsid w:val="009C4EE5"/>
    <w:rsid w:val="009C5101"/>
    <w:rsid w:val="009C5157"/>
    <w:rsid w:val="009C56C6"/>
    <w:rsid w:val="009C6B35"/>
    <w:rsid w:val="009C7192"/>
    <w:rsid w:val="009C74A0"/>
    <w:rsid w:val="009C7A0D"/>
    <w:rsid w:val="009D11AB"/>
    <w:rsid w:val="009D24DE"/>
    <w:rsid w:val="009D5C3F"/>
    <w:rsid w:val="009D61EC"/>
    <w:rsid w:val="009D7208"/>
    <w:rsid w:val="009D794E"/>
    <w:rsid w:val="009E0A41"/>
    <w:rsid w:val="009E0E28"/>
    <w:rsid w:val="009E26B0"/>
    <w:rsid w:val="009E2D30"/>
    <w:rsid w:val="009E417B"/>
    <w:rsid w:val="009E4617"/>
    <w:rsid w:val="009E4D6C"/>
    <w:rsid w:val="009E5F45"/>
    <w:rsid w:val="009F00D8"/>
    <w:rsid w:val="009F21C5"/>
    <w:rsid w:val="009F21F1"/>
    <w:rsid w:val="009F4CE1"/>
    <w:rsid w:val="009F53C0"/>
    <w:rsid w:val="009F5C26"/>
    <w:rsid w:val="009F673D"/>
    <w:rsid w:val="009F76F6"/>
    <w:rsid w:val="009F7B4A"/>
    <w:rsid w:val="00A029F5"/>
    <w:rsid w:val="00A04456"/>
    <w:rsid w:val="00A0519B"/>
    <w:rsid w:val="00A0738A"/>
    <w:rsid w:val="00A07403"/>
    <w:rsid w:val="00A10003"/>
    <w:rsid w:val="00A12546"/>
    <w:rsid w:val="00A140FB"/>
    <w:rsid w:val="00A142CD"/>
    <w:rsid w:val="00A149E4"/>
    <w:rsid w:val="00A16CC8"/>
    <w:rsid w:val="00A17546"/>
    <w:rsid w:val="00A17D31"/>
    <w:rsid w:val="00A21B3C"/>
    <w:rsid w:val="00A22836"/>
    <w:rsid w:val="00A22ABB"/>
    <w:rsid w:val="00A23A11"/>
    <w:rsid w:val="00A24E54"/>
    <w:rsid w:val="00A24FE9"/>
    <w:rsid w:val="00A26109"/>
    <w:rsid w:val="00A27D9F"/>
    <w:rsid w:val="00A30B33"/>
    <w:rsid w:val="00A31B50"/>
    <w:rsid w:val="00A32CED"/>
    <w:rsid w:val="00A342A9"/>
    <w:rsid w:val="00A34EF9"/>
    <w:rsid w:val="00A36B59"/>
    <w:rsid w:val="00A37765"/>
    <w:rsid w:val="00A405DF"/>
    <w:rsid w:val="00A406DF"/>
    <w:rsid w:val="00A41219"/>
    <w:rsid w:val="00A41CF6"/>
    <w:rsid w:val="00A420FD"/>
    <w:rsid w:val="00A42C9D"/>
    <w:rsid w:val="00A445A5"/>
    <w:rsid w:val="00A45A89"/>
    <w:rsid w:val="00A45BB0"/>
    <w:rsid w:val="00A471DD"/>
    <w:rsid w:val="00A5224F"/>
    <w:rsid w:val="00A52DD1"/>
    <w:rsid w:val="00A5773C"/>
    <w:rsid w:val="00A57DB8"/>
    <w:rsid w:val="00A57E80"/>
    <w:rsid w:val="00A60A4E"/>
    <w:rsid w:val="00A60ECC"/>
    <w:rsid w:val="00A61177"/>
    <w:rsid w:val="00A63F80"/>
    <w:rsid w:val="00A64F7C"/>
    <w:rsid w:val="00A665E6"/>
    <w:rsid w:val="00A66B2D"/>
    <w:rsid w:val="00A67F67"/>
    <w:rsid w:val="00A70796"/>
    <w:rsid w:val="00A70DD8"/>
    <w:rsid w:val="00A75D8F"/>
    <w:rsid w:val="00A75E82"/>
    <w:rsid w:val="00A76582"/>
    <w:rsid w:val="00A768B9"/>
    <w:rsid w:val="00A8014E"/>
    <w:rsid w:val="00A81021"/>
    <w:rsid w:val="00A81186"/>
    <w:rsid w:val="00A817C0"/>
    <w:rsid w:val="00A81AAD"/>
    <w:rsid w:val="00A84ACA"/>
    <w:rsid w:val="00A85596"/>
    <w:rsid w:val="00A8754F"/>
    <w:rsid w:val="00A8759B"/>
    <w:rsid w:val="00A90EF7"/>
    <w:rsid w:val="00A932A4"/>
    <w:rsid w:val="00A9334B"/>
    <w:rsid w:val="00AA0BD1"/>
    <w:rsid w:val="00AA0E6A"/>
    <w:rsid w:val="00AA2653"/>
    <w:rsid w:val="00AA2F36"/>
    <w:rsid w:val="00AA5E56"/>
    <w:rsid w:val="00AA63DA"/>
    <w:rsid w:val="00AA662E"/>
    <w:rsid w:val="00AB1C57"/>
    <w:rsid w:val="00AB2310"/>
    <w:rsid w:val="00AB2327"/>
    <w:rsid w:val="00AB2FF3"/>
    <w:rsid w:val="00AB342E"/>
    <w:rsid w:val="00AB36D1"/>
    <w:rsid w:val="00AB4D1D"/>
    <w:rsid w:val="00AB59BF"/>
    <w:rsid w:val="00AB78E3"/>
    <w:rsid w:val="00AC058C"/>
    <w:rsid w:val="00AC07B5"/>
    <w:rsid w:val="00AC0953"/>
    <w:rsid w:val="00AC0DDA"/>
    <w:rsid w:val="00AC1792"/>
    <w:rsid w:val="00AC394C"/>
    <w:rsid w:val="00AC3A9A"/>
    <w:rsid w:val="00AC449F"/>
    <w:rsid w:val="00AC4710"/>
    <w:rsid w:val="00AC4B40"/>
    <w:rsid w:val="00AC582E"/>
    <w:rsid w:val="00AC5D8D"/>
    <w:rsid w:val="00AC5E9F"/>
    <w:rsid w:val="00AC6291"/>
    <w:rsid w:val="00AC6875"/>
    <w:rsid w:val="00AC6A3C"/>
    <w:rsid w:val="00AC6E34"/>
    <w:rsid w:val="00AD17AA"/>
    <w:rsid w:val="00AD1955"/>
    <w:rsid w:val="00AD3658"/>
    <w:rsid w:val="00AD5DEA"/>
    <w:rsid w:val="00AD6C9C"/>
    <w:rsid w:val="00AD7C49"/>
    <w:rsid w:val="00AD7FB6"/>
    <w:rsid w:val="00AE0377"/>
    <w:rsid w:val="00AE1E78"/>
    <w:rsid w:val="00AE2311"/>
    <w:rsid w:val="00AE233C"/>
    <w:rsid w:val="00AE28BA"/>
    <w:rsid w:val="00AE3FF1"/>
    <w:rsid w:val="00AE4251"/>
    <w:rsid w:val="00AE44E1"/>
    <w:rsid w:val="00AE4F68"/>
    <w:rsid w:val="00AE5442"/>
    <w:rsid w:val="00AF08A7"/>
    <w:rsid w:val="00AF0F0F"/>
    <w:rsid w:val="00AF1309"/>
    <w:rsid w:val="00AF18DA"/>
    <w:rsid w:val="00AF20BD"/>
    <w:rsid w:val="00AF44FF"/>
    <w:rsid w:val="00AF58BB"/>
    <w:rsid w:val="00AF7F9D"/>
    <w:rsid w:val="00B00478"/>
    <w:rsid w:val="00B0049A"/>
    <w:rsid w:val="00B0237A"/>
    <w:rsid w:val="00B027AD"/>
    <w:rsid w:val="00B03949"/>
    <w:rsid w:val="00B03959"/>
    <w:rsid w:val="00B058E2"/>
    <w:rsid w:val="00B05BD3"/>
    <w:rsid w:val="00B05D44"/>
    <w:rsid w:val="00B060FB"/>
    <w:rsid w:val="00B067BA"/>
    <w:rsid w:val="00B0694B"/>
    <w:rsid w:val="00B07E0F"/>
    <w:rsid w:val="00B105A5"/>
    <w:rsid w:val="00B11DE6"/>
    <w:rsid w:val="00B1257D"/>
    <w:rsid w:val="00B13419"/>
    <w:rsid w:val="00B145BD"/>
    <w:rsid w:val="00B155EA"/>
    <w:rsid w:val="00B17F68"/>
    <w:rsid w:val="00B2053F"/>
    <w:rsid w:val="00B23087"/>
    <w:rsid w:val="00B249C0"/>
    <w:rsid w:val="00B31B71"/>
    <w:rsid w:val="00B34443"/>
    <w:rsid w:val="00B34A92"/>
    <w:rsid w:val="00B34C94"/>
    <w:rsid w:val="00B36C36"/>
    <w:rsid w:val="00B41987"/>
    <w:rsid w:val="00B43E19"/>
    <w:rsid w:val="00B441C5"/>
    <w:rsid w:val="00B44A0B"/>
    <w:rsid w:val="00B45D0B"/>
    <w:rsid w:val="00B46847"/>
    <w:rsid w:val="00B475AB"/>
    <w:rsid w:val="00B47E67"/>
    <w:rsid w:val="00B5269D"/>
    <w:rsid w:val="00B52763"/>
    <w:rsid w:val="00B5303B"/>
    <w:rsid w:val="00B54E2C"/>
    <w:rsid w:val="00B62347"/>
    <w:rsid w:val="00B63DF5"/>
    <w:rsid w:val="00B6448C"/>
    <w:rsid w:val="00B64921"/>
    <w:rsid w:val="00B6592D"/>
    <w:rsid w:val="00B66201"/>
    <w:rsid w:val="00B7205B"/>
    <w:rsid w:val="00B724D8"/>
    <w:rsid w:val="00B7275A"/>
    <w:rsid w:val="00B74211"/>
    <w:rsid w:val="00B74A21"/>
    <w:rsid w:val="00B74AF4"/>
    <w:rsid w:val="00B756A1"/>
    <w:rsid w:val="00B76242"/>
    <w:rsid w:val="00B77BF8"/>
    <w:rsid w:val="00B805A9"/>
    <w:rsid w:val="00B805E4"/>
    <w:rsid w:val="00B81B3A"/>
    <w:rsid w:val="00B82987"/>
    <w:rsid w:val="00B831A7"/>
    <w:rsid w:val="00B83736"/>
    <w:rsid w:val="00B837C9"/>
    <w:rsid w:val="00B85965"/>
    <w:rsid w:val="00B87EBA"/>
    <w:rsid w:val="00B904C4"/>
    <w:rsid w:val="00B9095F"/>
    <w:rsid w:val="00B90CD6"/>
    <w:rsid w:val="00B92FB2"/>
    <w:rsid w:val="00B930C0"/>
    <w:rsid w:val="00B94AE9"/>
    <w:rsid w:val="00B94B31"/>
    <w:rsid w:val="00BA07A7"/>
    <w:rsid w:val="00BA101F"/>
    <w:rsid w:val="00BA10C5"/>
    <w:rsid w:val="00BA1C20"/>
    <w:rsid w:val="00BA2438"/>
    <w:rsid w:val="00BA4AC7"/>
    <w:rsid w:val="00BA569E"/>
    <w:rsid w:val="00BA6B9C"/>
    <w:rsid w:val="00BA7924"/>
    <w:rsid w:val="00BB1215"/>
    <w:rsid w:val="00BB4165"/>
    <w:rsid w:val="00BB59C5"/>
    <w:rsid w:val="00BB6C22"/>
    <w:rsid w:val="00BB6DE8"/>
    <w:rsid w:val="00BB7A17"/>
    <w:rsid w:val="00BC05FA"/>
    <w:rsid w:val="00BC2458"/>
    <w:rsid w:val="00BC2E23"/>
    <w:rsid w:val="00BC2F12"/>
    <w:rsid w:val="00BC4A98"/>
    <w:rsid w:val="00BC50DE"/>
    <w:rsid w:val="00BC5503"/>
    <w:rsid w:val="00BC6F98"/>
    <w:rsid w:val="00BC744C"/>
    <w:rsid w:val="00BD0BEF"/>
    <w:rsid w:val="00BD32E7"/>
    <w:rsid w:val="00BD3A3A"/>
    <w:rsid w:val="00BD45A6"/>
    <w:rsid w:val="00BD52AD"/>
    <w:rsid w:val="00BE2D10"/>
    <w:rsid w:val="00BE4CA0"/>
    <w:rsid w:val="00BE74C3"/>
    <w:rsid w:val="00BF044C"/>
    <w:rsid w:val="00BF291A"/>
    <w:rsid w:val="00BF2923"/>
    <w:rsid w:val="00BF2D3C"/>
    <w:rsid w:val="00BF53A6"/>
    <w:rsid w:val="00BF6EFF"/>
    <w:rsid w:val="00BF76CD"/>
    <w:rsid w:val="00C009F0"/>
    <w:rsid w:val="00C01C2F"/>
    <w:rsid w:val="00C01F7C"/>
    <w:rsid w:val="00C0237D"/>
    <w:rsid w:val="00C03BAD"/>
    <w:rsid w:val="00C05CC4"/>
    <w:rsid w:val="00C0688E"/>
    <w:rsid w:val="00C0742E"/>
    <w:rsid w:val="00C07855"/>
    <w:rsid w:val="00C07D53"/>
    <w:rsid w:val="00C10B77"/>
    <w:rsid w:val="00C14C2F"/>
    <w:rsid w:val="00C15F12"/>
    <w:rsid w:val="00C16B77"/>
    <w:rsid w:val="00C17319"/>
    <w:rsid w:val="00C177A8"/>
    <w:rsid w:val="00C17F55"/>
    <w:rsid w:val="00C215D1"/>
    <w:rsid w:val="00C21A77"/>
    <w:rsid w:val="00C227EE"/>
    <w:rsid w:val="00C23A55"/>
    <w:rsid w:val="00C24AA2"/>
    <w:rsid w:val="00C24BAB"/>
    <w:rsid w:val="00C25F98"/>
    <w:rsid w:val="00C26A14"/>
    <w:rsid w:val="00C27E56"/>
    <w:rsid w:val="00C305B7"/>
    <w:rsid w:val="00C30C8D"/>
    <w:rsid w:val="00C318B1"/>
    <w:rsid w:val="00C31F84"/>
    <w:rsid w:val="00C32EF7"/>
    <w:rsid w:val="00C33797"/>
    <w:rsid w:val="00C3495D"/>
    <w:rsid w:val="00C34C1F"/>
    <w:rsid w:val="00C37A01"/>
    <w:rsid w:val="00C40862"/>
    <w:rsid w:val="00C41751"/>
    <w:rsid w:val="00C42268"/>
    <w:rsid w:val="00C429C5"/>
    <w:rsid w:val="00C42BA4"/>
    <w:rsid w:val="00C42D64"/>
    <w:rsid w:val="00C43771"/>
    <w:rsid w:val="00C442A0"/>
    <w:rsid w:val="00C45AB9"/>
    <w:rsid w:val="00C46107"/>
    <w:rsid w:val="00C46D31"/>
    <w:rsid w:val="00C47FCF"/>
    <w:rsid w:val="00C5094A"/>
    <w:rsid w:val="00C50E5C"/>
    <w:rsid w:val="00C522A3"/>
    <w:rsid w:val="00C53B7D"/>
    <w:rsid w:val="00C53E02"/>
    <w:rsid w:val="00C55BBC"/>
    <w:rsid w:val="00C55DCB"/>
    <w:rsid w:val="00C55FB0"/>
    <w:rsid w:val="00C569B5"/>
    <w:rsid w:val="00C57AA9"/>
    <w:rsid w:val="00C62EEE"/>
    <w:rsid w:val="00C63CE8"/>
    <w:rsid w:val="00C63E3D"/>
    <w:rsid w:val="00C650BD"/>
    <w:rsid w:val="00C67E1A"/>
    <w:rsid w:val="00C67F49"/>
    <w:rsid w:val="00C7022A"/>
    <w:rsid w:val="00C71825"/>
    <w:rsid w:val="00C727F9"/>
    <w:rsid w:val="00C72BDD"/>
    <w:rsid w:val="00C73CCD"/>
    <w:rsid w:val="00C73E24"/>
    <w:rsid w:val="00C767EC"/>
    <w:rsid w:val="00C76C46"/>
    <w:rsid w:val="00C82C81"/>
    <w:rsid w:val="00C83364"/>
    <w:rsid w:val="00C84DE9"/>
    <w:rsid w:val="00C86D53"/>
    <w:rsid w:val="00C87431"/>
    <w:rsid w:val="00C90980"/>
    <w:rsid w:val="00C90DC9"/>
    <w:rsid w:val="00C918BE"/>
    <w:rsid w:val="00C922D8"/>
    <w:rsid w:val="00C92D2C"/>
    <w:rsid w:val="00C934A6"/>
    <w:rsid w:val="00C9360A"/>
    <w:rsid w:val="00C94EE4"/>
    <w:rsid w:val="00C951FC"/>
    <w:rsid w:val="00C9531F"/>
    <w:rsid w:val="00C95C72"/>
    <w:rsid w:val="00C95CCD"/>
    <w:rsid w:val="00C96E98"/>
    <w:rsid w:val="00CA17D2"/>
    <w:rsid w:val="00CA2380"/>
    <w:rsid w:val="00CA2B60"/>
    <w:rsid w:val="00CA3DB0"/>
    <w:rsid w:val="00CA3DF8"/>
    <w:rsid w:val="00CA4C5A"/>
    <w:rsid w:val="00CA5E89"/>
    <w:rsid w:val="00CA7D44"/>
    <w:rsid w:val="00CB0199"/>
    <w:rsid w:val="00CB0ADB"/>
    <w:rsid w:val="00CB1F70"/>
    <w:rsid w:val="00CB224E"/>
    <w:rsid w:val="00CB22DD"/>
    <w:rsid w:val="00CB232B"/>
    <w:rsid w:val="00CB31AE"/>
    <w:rsid w:val="00CB35C9"/>
    <w:rsid w:val="00CB3689"/>
    <w:rsid w:val="00CB65DA"/>
    <w:rsid w:val="00CB69F1"/>
    <w:rsid w:val="00CC16ED"/>
    <w:rsid w:val="00CC18DE"/>
    <w:rsid w:val="00CC3759"/>
    <w:rsid w:val="00CC4D65"/>
    <w:rsid w:val="00CC51BD"/>
    <w:rsid w:val="00CC6DE3"/>
    <w:rsid w:val="00CC7563"/>
    <w:rsid w:val="00CD01AF"/>
    <w:rsid w:val="00CD05E7"/>
    <w:rsid w:val="00CD0B7B"/>
    <w:rsid w:val="00CD117A"/>
    <w:rsid w:val="00CD24A8"/>
    <w:rsid w:val="00CD3FCA"/>
    <w:rsid w:val="00CD503A"/>
    <w:rsid w:val="00CD6091"/>
    <w:rsid w:val="00CD62DB"/>
    <w:rsid w:val="00CD67D8"/>
    <w:rsid w:val="00CD7243"/>
    <w:rsid w:val="00CD7F02"/>
    <w:rsid w:val="00CE1665"/>
    <w:rsid w:val="00CE17D1"/>
    <w:rsid w:val="00CE2029"/>
    <w:rsid w:val="00CE374A"/>
    <w:rsid w:val="00CE4FDE"/>
    <w:rsid w:val="00CE548F"/>
    <w:rsid w:val="00CE55AC"/>
    <w:rsid w:val="00CE58D0"/>
    <w:rsid w:val="00CE6174"/>
    <w:rsid w:val="00CE7319"/>
    <w:rsid w:val="00CF09CD"/>
    <w:rsid w:val="00CF0AD4"/>
    <w:rsid w:val="00CF1331"/>
    <w:rsid w:val="00CF3421"/>
    <w:rsid w:val="00CF58D1"/>
    <w:rsid w:val="00CF6964"/>
    <w:rsid w:val="00D018ED"/>
    <w:rsid w:val="00D01F5D"/>
    <w:rsid w:val="00D0409D"/>
    <w:rsid w:val="00D06C40"/>
    <w:rsid w:val="00D1030F"/>
    <w:rsid w:val="00D1151C"/>
    <w:rsid w:val="00D135A2"/>
    <w:rsid w:val="00D1380C"/>
    <w:rsid w:val="00D16481"/>
    <w:rsid w:val="00D219D3"/>
    <w:rsid w:val="00D225A1"/>
    <w:rsid w:val="00D22F08"/>
    <w:rsid w:val="00D241D3"/>
    <w:rsid w:val="00D2426E"/>
    <w:rsid w:val="00D242A5"/>
    <w:rsid w:val="00D270D6"/>
    <w:rsid w:val="00D30F04"/>
    <w:rsid w:val="00D339F1"/>
    <w:rsid w:val="00D33D98"/>
    <w:rsid w:val="00D341B0"/>
    <w:rsid w:val="00D341D0"/>
    <w:rsid w:val="00D354CB"/>
    <w:rsid w:val="00D358C3"/>
    <w:rsid w:val="00D36049"/>
    <w:rsid w:val="00D365D8"/>
    <w:rsid w:val="00D3700C"/>
    <w:rsid w:val="00D37C93"/>
    <w:rsid w:val="00D43238"/>
    <w:rsid w:val="00D43FB5"/>
    <w:rsid w:val="00D44D7C"/>
    <w:rsid w:val="00D467A8"/>
    <w:rsid w:val="00D5046F"/>
    <w:rsid w:val="00D52C4C"/>
    <w:rsid w:val="00D53253"/>
    <w:rsid w:val="00D532B9"/>
    <w:rsid w:val="00D54C6C"/>
    <w:rsid w:val="00D558CE"/>
    <w:rsid w:val="00D57039"/>
    <w:rsid w:val="00D5741D"/>
    <w:rsid w:val="00D6018E"/>
    <w:rsid w:val="00D60380"/>
    <w:rsid w:val="00D6137E"/>
    <w:rsid w:val="00D61570"/>
    <w:rsid w:val="00D63415"/>
    <w:rsid w:val="00D64E30"/>
    <w:rsid w:val="00D65259"/>
    <w:rsid w:val="00D657DD"/>
    <w:rsid w:val="00D6721A"/>
    <w:rsid w:val="00D674A8"/>
    <w:rsid w:val="00D67EBF"/>
    <w:rsid w:val="00D67F1F"/>
    <w:rsid w:val="00D702EF"/>
    <w:rsid w:val="00D70731"/>
    <w:rsid w:val="00D71B01"/>
    <w:rsid w:val="00D72B62"/>
    <w:rsid w:val="00D730EB"/>
    <w:rsid w:val="00D74F9D"/>
    <w:rsid w:val="00D75787"/>
    <w:rsid w:val="00D75C63"/>
    <w:rsid w:val="00D80141"/>
    <w:rsid w:val="00D8144E"/>
    <w:rsid w:val="00D82293"/>
    <w:rsid w:val="00D82607"/>
    <w:rsid w:val="00D8378D"/>
    <w:rsid w:val="00D8513A"/>
    <w:rsid w:val="00D8630F"/>
    <w:rsid w:val="00D9027F"/>
    <w:rsid w:val="00D91B6D"/>
    <w:rsid w:val="00D9350C"/>
    <w:rsid w:val="00D9393F"/>
    <w:rsid w:val="00D945CF"/>
    <w:rsid w:val="00D96A98"/>
    <w:rsid w:val="00D96D76"/>
    <w:rsid w:val="00D978F8"/>
    <w:rsid w:val="00DA16B7"/>
    <w:rsid w:val="00DA1FC2"/>
    <w:rsid w:val="00DA3281"/>
    <w:rsid w:val="00DA3402"/>
    <w:rsid w:val="00DA4B67"/>
    <w:rsid w:val="00DA612A"/>
    <w:rsid w:val="00DA6CE2"/>
    <w:rsid w:val="00DA6FA1"/>
    <w:rsid w:val="00DA77E7"/>
    <w:rsid w:val="00DB147A"/>
    <w:rsid w:val="00DB2E40"/>
    <w:rsid w:val="00DB32FA"/>
    <w:rsid w:val="00DB3D0C"/>
    <w:rsid w:val="00DB57AF"/>
    <w:rsid w:val="00DB77EF"/>
    <w:rsid w:val="00DB7FAC"/>
    <w:rsid w:val="00DC129F"/>
    <w:rsid w:val="00DC15CF"/>
    <w:rsid w:val="00DC2E0B"/>
    <w:rsid w:val="00DC5B46"/>
    <w:rsid w:val="00DD0638"/>
    <w:rsid w:val="00DD1EA3"/>
    <w:rsid w:val="00DD33C3"/>
    <w:rsid w:val="00DD38FA"/>
    <w:rsid w:val="00DD3962"/>
    <w:rsid w:val="00DD4705"/>
    <w:rsid w:val="00DE1646"/>
    <w:rsid w:val="00DE1BB6"/>
    <w:rsid w:val="00DE2D81"/>
    <w:rsid w:val="00DE5DC5"/>
    <w:rsid w:val="00DE6377"/>
    <w:rsid w:val="00DE6DB6"/>
    <w:rsid w:val="00DF10B6"/>
    <w:rsid w:val="00DF18C1"/>
    <w:rsid w:val="00DF2A16"/>
    <w:rsid w:val="00DF2C35"/>
    <w:rsid w:val="00DF2FFE"/>
    <w:rsid w:val="00DF4C32"/>
    <w:rsid w:val="00DF701F"/>
    <w:rsid w:val="00E00D0F"/>
    <w:rsid w:val="00E010D2"/>
    <w:rsid w:val="00E01161"/>
    <w:rsid w:val="00E021B0"/>
    <w:rsid w:val="00E03425"/>
    <w:rsid w:val="00E06297"/>
    <w:rsid w:val="00E07004"/>
    <w:rsid w:val="00E0728C"/>
    <w:rsid w:val="00E11D79"/>
    <w:rsid w:val="00E12F80"/>
    <w:rsid w:val="00E14D38"/>
    <w:rsid w:val="00E2360C"/>
    <w:rsid w:val="00E23951"/>
    <w:rsid w:val="00E24C61"/>
    <w:rsid w:val="00E2641A"/>
    <w:rsid w:val="00E2689A"/>
    <w:rsid w:val="00E27010"/>
    <w:rsid w:val="00E278E0"/>
    <w:rsid w:val="00E304D8"/>
    <w:rsid w:val="00E307E4"/>
    <w:rsid w:val="00E30B3F"/>
    <w:rsid w:val="00E30FE1"/>
    <w:rsid w:val="00E312BE"/>
    <w:rsid w:val="00E337CA"/>
    <w:rsid w:val="00E368B8"/>
    <w:rsid w:val="00E36BA6"/>
    <w:rsid w:val="00E401C6"/>
    <w:rsid w:val="00E40FC2"/>
    <w:rsid w:val="00E41038"/>
    <w:rsid w:val="00E412D0"/>
    <w:rsid w:val="00E4551A"/>
    <w:rsid w:val="00E464A8"/>
    <w:rsid w:val="00E475F0"/>
    <w:rsid w:val="00E47C60"/>
    <w:rsid w:val="00E5003D"/>
    <w:rsid w:val="00E53A3C"/>
    <w:rsid w:val="00E546DF"/>
    <w:rsid w:val="00E54FD0"/>
    <w:rsid w:val="00E55008"/>
    <w:rsid w:val="00E55B29"/>
    <w:rsid w:val="00E5604D"/>
    <w:rsid w:val="00E561C6"/>
    <w:rsid w:val="00E5718B"/>
    <w:rsid w:val="00E601C1"/>
    <w:rsid w:val="00E60719"/>
    <w:rsid w:val="00E60980"/>
    <w:rsid w:val="00E61503"/>
    <w:rsid w:val="00E62582"/>
    <w:rsid w:val="00E6348C"/>
    <w:rsid w:val="00E643E6"/>
    <w:rsid w:val="00E64686"/>
    <w:rsid w:val="00E64939"/>
    <w:rsid w:val="00E64A46"/>
    <w:rsid w:val="00E66230"/>
    <w:rsid w:val="00E66DFF"/>
    <w:rsid w:val="00E6700B"/>
    <w:rsid w:val="00E672F6"/>
    <w:rsid w:val="00E72C4A"/>
    <w:rsid w:val="00E730E5"/>
    <w:rsid w:val="00E7335A"/>
    <w:rsid w:val="00E739F0"/>
    <w:rsid w:val="00E73EE8"/>
    <w:rsid w:val="00E7570E"/>
    <w:rsid w:val="00E75771"/>
    <w:rsid w:val="00E764C9"/>
    <w:rsid w:val="00E76E7F"/>
    <w:rsid w:val="00E77927"/>
    <w:rsid w:val="00E77D45"/>
    <w:rsid w:val="00E8160F"/>
    <w:rsid w:val="00E847EF"/>
    <w:rsid w:val="00E8495B"/>
    <w:rsid w:val="00E85EB6"/>
    <w:rsid w:val="00E86313"/>
    <w:rsid w:val="00E878C0"/>
    <w:rsid w:val="00E87BD1"/>
    <w:rsid w:val="00E87CDD"/>
    <w:rsid w:val="00E92CFB"/>
    <w:rsid w:val="00E94C19"/>
    <w:rsid w:val="00EA06CC"/>
    <w:rsid w:val="00EA0B87"/>
    <w:rsid w:val="00EA0E41"/>
    <w:rsid w:val="00EA5590"/>
    <w:rsid w:val="00EA618F"/>
    <w:rsid w:val="00EA727C"/>
    <w:rsid w:val="00EA7D26"/>
    <w:rsid w:val="00EA7DE9"/>
    <w:rsid w:val="00EA7FAB"/>
    <w:rsid w:val="00EB105E"/>
    <w:rsid w:val="00EB3393"/>
    <w:rsid w:val="00EB3565"/>
    <w:rsid w:val="00EB445B"/>
    <w:rsid w:val="00EB4BFA"/>
    <w:rsid w:val="00EB529A"/>
    <w:rsid w:val="00EB5BFD"/>
    <w:rsid w:val="00EB70AD"/>
    <w:rsid w:val="00EB7FD8"/>
    <w:rsid w:val="00EC0D2B"/>
    <w:rsid w:val="00EC1B30"/>
    <w:rsid w:val="00EC4486"/>
    <w:rsid w:val="00EC555B"/>
    <w:rsid w:val="00EC5FC2"/>
    <w:rsid w:val="00EC7662"/>
    <w:rsid w:val="00EC7FC6"/>
    <w:rsid w:val="00ED1B32"/>
    <w:rsid w:val="00ED39BA"/>
    <w:rsid w:val="00ED5340"/>
    <w:rsid w:val="00ED5644"/>
    <w:rsid w:val="00ED5922"/>
    <w:rsid w:val="00ED5CBC"/>
    <w:rsid w:val="00ED61C2"/>
    <w:rsid w:val="00ED7F1F"/>
    <w:rsid w:val="00EE053A"/>
    <w:rsid w:val="00EE3C53"/>
    <w:rsid w:val="00EE46D9"/>
    <w:rsid w:val="00EE555A"/>
    <w:rsid w:val="00EE5EBA"/>
    <w:rsid w:val="00EE6912"/>
    <w:rsid w:val="00EE6A09"/>
    <w:rsid w:val="00EE6D9B"/>
    <w:rsid w:val="00EE7B25"/>
    <w:rsid w:val="00EF0375"/>
    <w:rsid w:val="00EF16D0"/>
    <w:rsid w:val="00EF173D"/>
    <w:rsid w:val="00EF3140"/>
    <w:rsid w:val="00EF31FD"/>
    <w:rsid w:val="00EF49AD"/>
    <w:rsid w:val="00EF58DB"/>
    <w:rsid w:val="00EF6504"/>
    <w:rsid w:val="00EF794D"/>
    <w:rsid w:val="00F002AC"/>
    <w:rsid w:val="00F00600"/>
    <w:rsid w:val="00F03842"/>
    <w:rsid w:val="00F05761"/>
    <w:rsid w:val="00F06215"/>
    <w:rsid w:val="00F06945"/>
    <w:rsid w:val="00F07A92"/>
    <w:rsid w:val="00F118D0"/>
    <w:rsid w:val="00F131CE"/>
    <w:rsid w:val="00F15A25"/>
    <w:rsid w:val="00F166ED"/>
    <w:rsid w:val="00F16B64"/>
    <w:rsid w:val="00F17B40"/>
    <w:rsid w:val="00F20F51"/>
    <w:rsid w:val="00F25335"/>
    <w:rsid w:val="00F25F11"/>
    <w:rsid w:val="00F26ED3"/>
    <w:rsid w:val="00F27B9A"/>
    <w:rsid w:val="00F301E0"/>
    <w:rsid w:val="00F3182A"/>
    <w:rsid w:val="00F31FF4"/>
    <w:rsid w:val="00F3202E"/>
    <w:rsid w:val="00F32177"/>
    <w:rsid w:val="00F321D2"/>
    <w:rsid w:val="00F32679"/>
    <w:rsid w:val="00F3274A"/>
    <w:rsid w:val="00F32FD7"/>
    <w:rsid w:val="00F342B3"/>
    <w:rsid w:val="00F34A37"/>
    <w:rsid w:val="00F351F0"/>
    <w:rsid w:val="00F35B92"/>
    <w:rsid w:val="00F36809"/>
    <w:rsid w:val="00F42FD1"/>
    <w:rsid w:val="00F42FD4"/>
    <w:rsid w:val="00F434A4"/>
    <w:rsid w:val="00F455AA"/>
    <w:rsid w:val="00F469FA"/>
    <w:rsid w:val="00F50ECA"/>
    <w:rsid w:val="00F51469"/>
    <w:rsid w:val="00F516BB"/>
    <w:rsid w:val="00F51EA8"/>
    <w:rsid w:val="00F5296E"/>
    <w:rsid w:val="00F52A9A"/>
    <w:rsid w:val="00F53BC6"/>
    <w:rsid w:val="00F5408D"/>
    <w:rsid w:val="00F548DB"/>
    <w:rsid w:val="00F54F83"/>
    <w:rsid w:val="00F554C9"/>
    <w:rsid w:val="00F55C6E"/>
    <w:rsid w:val="00F561A7"/>
    <w:rsid w:val="00F57606"/>
    <w:rsid w:val="00F578A7"/>
    <w:rsid w:val="00F603F8"/>
    <w:rsid w:val="00F61823"/>
    <w:rsid w:val="00F61B77"/>
    <w:rsid w:val="00F61DAC"/>
    <w:rsid w:val="00F63146"/>
    <w:rsid w:val="00F64630"/>
    <w:rsid w:val="00F64893"/>
    <w:rsid w:val="00F64E18"/>
    <w:rsid w:val="00F66F45"/>
    <w:rsid w:val="00F67098"/>
    <w:rsid w:val="00F70292"/>
    <w:rsid w:val="00F7041D"/>
    <w:rsid w:val="00F7080B"/>
    <w:rsid w:val="00F736B0"/>
    <w:rsid w:val="00F7386E"/>
    <w:rsid w:val="00F74202"/>
    <w:rsid w:val="00F74431"/>
    <w:rsid w:val="00F74690"/>
    <w:rsid w:val="00F74A22"/>
    <w:rsid w:val="00F772D2"/>
    <w:rsid w:val="00F77503"/>
    <w:rsid w:val="00F8089B"/>
    <w:rsid w:val="00F808CC"/>
    <w:rsid w:val="00F816B4"/>
    <w:rsid w:val="00F82E40"/>
    <w:rsid w:val="00F833D4"/>
    <w:rsid w:val="00F83B83"/>
    <w:rsid w:val="00F8437D"/>
    <w:rsid w:val="00F844C4"/>
    <w:rsid w:val="00F84A5E"/>
    <w:rsid w:val="00F86814"/>
    <w:rsid w:val="00F86DAB"/>
    <w:rsid w:val="00F8701E"/>
    <w:rsid w:val="00F9127F"/>
    <w:rsid w:val="00F9142A"/>
    <w:rsid w:val="00F91AE4"/>
    <w:rsid w:val="00F91DD7"/>
    <w:rsid w:val="00F92E5C"/>
    <w:rsid w:val="00F945AC"/>
    <w:rsid w:val="00F954C5"/>
    <w:rsid w:val="00F95DFF"/>
    <w:rsid w:val="00F975E4"/>
    <w:rsid w:val="00F97B04"/>
    <w:rsid w:val="00FA0F21"/>
    <w:rsid w:val="00FA30A3"/>
    <w:rsid w:val="00FA3359"/>
    <w:rsid w:val="00FA544F"/>
    <w:rsid w:val="00FA61F1"/>
    <w:rsid w:val="00FA664C"/>
    <w:rsid w:val="00FA6A19"/>
    <w:rsid w:val="00FB1A8A"/>
    <w:rsid w:val="00FB389F"/>
    <w:rsid w:val="00FB3F53"/>
    <w:rsid w:val="00FB412B"/>
    <w:rsid w:val="00FB4344"/>
    <w:rsid w:val="00FB57B4"/>
    <w:rsid w:val="00FC29AB"/>
    <w:rsid w:val="00FC3ADC"/>
    <w:rsid w:val="00FC4CC3"/>
    <w:rsid w:val="00FC6785"/>
    <w:rsid w:val="00FC6ED9"/>
    <w:rsid w:val="00FD0530"/>
    <w:rsid w:val="00FD101D"/>
    <w:rsid w:val="00FD1904"/>
    <w:rsid w:val="00FD327F"/>
    <w:rsid w:val="00FD4CBF"/>
    <w:rsid w:val="00FD6A1B"/>
    <w:rsid w:val="00FD6E96"/>
    <w:rsid w:val="00FE5152"/>
    <w:rsid w:val="00FE77CA"/>
    <w:rsid w:val="00FE7E5D"/>
    <w:rsid w:val="00FF0475"/>
    <w:rsid w:val="00FF10CB"/>
    <w:rsid w:val="00FF16C1"/>
    <w:rsid w:val="00FF2CB6"/>
    <w:rsid w:val="00FF2F42"/>
    <w:rsid w:val="00FF422A"/>
    <w:rsid w:val="00FF5F9E"/>
    <w:rsid w:val="00FF619D"/>
    <w:rsid w:val="00FF6E2F"/>
    <w:rsid w:val="00FF70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51201"/>
    <o:shapelayout v:ext="edit">
      <o:idmap v:ext="edit" data="1"/>
    </o:shapelayout>
  </w:shapeDefaults>
  <w:decimalSymbol w:val="."/>
  <w:listSeparator w:val=","/>
  <w14:docId w14:val="572A1C42"/>
  <w15:docId w15:val="{12AAA8DD-2435-40B4-96C6-33B39676C0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GB" w:eastAsia="en-GB"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3">
    <w:name w:val="heading 3"/>
    <w:basedOn w:val="Normal"/>
    <w:next w:val="Normal"/>
    <w:link w:val="Heading3Char"/>
    <w:qFormat/>
    <w:rsid w:val="0054622E"/>
    <w:pPr>
      <w:keepNext/>
      <w:spacing w:after="0" w:line="220" w:lineRule="atLeast"/>
      <w:jc w:val="both"/>
      <w:outlineLvl w:val="2"/>
    </w:pPr>
    <w:rPr>
      <w:rFonts w:ascii="Arial" w:eastAsia="Times New Roman" w:hAnsi="Arial" w:cs="Times New Roman"/>
      <w:b/>
      <w:sz w:val="20"/>
      <w:szCs w:val="20"/>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273F9"/>
    <w:pPr>
      <w:tabs>
        <w:tab w:val="center" w:pos="4680"/>
        <w:tab w:val="right" w:pos="9360"/>
      </w:tabs>
      <w:spacing w:after="0" w:line="240" w:lineRule="auto"/>
    </w:pPr>
  </w:style>
  <w:style w:type="character" w:customStyle="1" w:styleId="HeaderChar">
    <w:name w:val="Header Char"/>
    <w:basedOn w:val="DefaultParagraphFont"/>
    <w:link w:val="Header"/>
    <w:uiPriority w:val="99"/>
    <w:rsid w:val="001273F9"/>
  </w:style>
  <w:style w:type="paragraph" w:styleId="Footer">
    <w:name w:val="footer"/>
    <w:basedOn w:val="Normal"/>
    <w:link w:val="FooterChar"/>
    <w:uiPriority w:val="99"/>
    <w:unhideWhenUsed/>
    <w:rsid w:val="001273F9"/>
    <w:pPr>
      <w:tabs>
        <w:tab w:val="center" w:pos="4680"/>
        <w:tab w:val="right" w:pos="9360"/>
      </w:tabs>
      <w:spacing w:after="0" w:line="240" w:lineRule="auto"/>
    </w:pPr>
  </w:style>
  <w:style w:type="character" w:customStyle="1" w:styleId="FooterChar">
    <w:name w:val="Footer Char"/>
    <w:basedOn w:val="DefaultParagraphFont"/>
    <w:link w:val="Footer"/>
    <w:uiPriority w:val="99"/>
    <w:rsid w:val="001273F9"/>
  </w:style>
  <w:style w:type="paragraph" w:styleId="BalloonText">
    <w:name w:val="Balloon Text"/>
    <w:basedOn w:val="Normal"/>
    <w:link w:val="BalloonTextChar"/>
    <w:uiPriority w:val="99"/>
    <w:semiHidden/>
    <w:unhideWhenUsed/>
    <w:rsid w:val="001273F9"/>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1273F9"/>
    <w:rPr>
      <w:rFonts w:ascii="Tahoma" w:hAnsi="Tahoma" w:cs="Tahoma"/>
      <w:sz w:val="16"/>
      <w:szCs w:val="16"/>
    </w:rPr>
  </w:style>
  <w:style w:type="character" w:styleId="Hyperlink">
    <w:name w:val="Hyperlink"/>
    <w:basedOn w:val="DefaultParagraphFont"/>
    <w:uiPriority w:val="99"/>
    <w:unhideWhenUsed/>
    <w:rsid w:val="00BB4165"/>
    <w:rPr>
      <w:color w:val="0000FF" w:themeColor="hyperlink"/>
      <w:u w:val="single"/>
    </w:rPr>
  </w:style>
  <w:style w:type="paragraph" w:styleId="ListParagraph">
    <w:name w:val="List Paragraph"/>
    <w:basedOn w:val="Normal"/>
    <w:uiPriority w:val="34"/>
    <w:qFormat/>
    <w:rsid w:val="004E204B"/>
    <w:pPr>
      <w:spacing w:after="0" w:line="240" w:lineRule="auto"/>
      <w:ind w:left="720"/>
      <w:contextualSpacing/>
    </w:pPr>
    <w:rPr>
      <w:rFonts w:ascii="Times New Roman" w:eastAsia="Times New Roman" w:hAnsi="Times New Roman" w:cs="Times New Roman"/>
      <w:sz w:val="20"/>
      <w:szCs w:val="20"/>
      <w:lang w:eastAsia="en-US"/>
    </w:rPr>
  </w:style>
  <w:style w:type="character" w:customStyle="1" w:styleId="Heading3Char">
    <w:name w:val="Heading 3 Char"/>
    <w:basedOn w:val="DefaultParagraphFont"/>
    <w:link w:val="Heading3"/>
    <w:rsid w:val="0054622E"/>
    <w:rPr>
      <w:rFonts w:ascii="Arial" w:eastAsia="Times New Roman" w:hAnsi="Arial" w:cs="Times New Roman"/>
      <w:b/>
      <w:sz w:val="20"/>
      <w:szCs w:val="20"/>
      <w:lang w:eastAsia="en-US"/>
    </w:rPr>
  </w:style>
  <w:style w:type="paragraph" w:customStyle="1" w:styleId="BasicParagraph">
    <w:name w:val="[Basic Paragraph]"/>
    <w:basedOn w:val="Normal"/>
    <w:uiPriority w:val="99"/>
    <w:rsid w:val="00AC6A3C"/>
    <w:pPr>
      <w:autoSpaceDE w:val="0"/>
      <w:autoSpaceDN w:val="0"/>
      <w:adjustRightInd w:val="0"/>
      <w:spacing w:after="0" w:line="288" w:lineRule="auto"/>
      <w:textAlignment w:val="center"/>
    </w:pPr>
    <w:rPr>
      <w:rFonts w:ascii="Minion Pro" w:hAnsi="Minion Pro" w:cs="Minion Pro"/>
      <w:color w:val="000000"/>
      <w:sz w:val="24"/>
      <w:szCs w:val="24"/>
    </w:rPr>
  </w:style>
  <w:style w:type="character" w:customStyle="1" w:styleId="legds">
    <w:name w:val="legds"/>
    <w:basedOn w:val="DefaultParagraphFont"/>
    <w:rsid w:val="00F736B0"/>
  </w:style>
  <w:style w:type="paragraph" w:styleId="NoSpacing">
    <w:name w:val="No Spacing"/>
    <w:rsid w:val="00BA1C20"/>
    <w:pPr>
      <w:suppressAutoHyphens/>
      <w:autoSpaceDN w:val="0"/>
      <w:spacing w:after="0" w:line="240" w:lineRule="auto"/>
      <w:textAlignment w:val="baseline"/>
    </w:pPr>
    <w:rPr>
      <w:rFonts w:ascii="Calibri" w:eastAsia="Calibri" w:hAnsi="Calibri" w:cs="Times New Roman"/>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1853017">
      <w:bodyDiv w:val="1"/>
      <w:marLeft w:val="0"/>
      <w:marRight w:val="0"/>
      <w:marTop w:val="0"/>
      <w:marBottom w:val="0"/>
      <w:divBdr>
        <w:top w:val="none" w:sz="0" w:space="0" w:color="auto"/>
        <w:left w:val="none" w:sz="0" w:space="0" w:color="auto"/>
        <w:bottom w:val="none" w:sz="0" w:space="0" w:color="auto"/>
        <w:right w:val="none" w:sz="0" w:space="0" w:color="auto"/>
      </w:divBdr>
    </w:div>
    <w:div w:id="105395630">
      <w:bodyDiv w:val="1"/>
      <w:marLeft w:val="0"/>
      <w:marRight w:val="0"/>
      <w:marTop w:val="0"/>
      <w:marBottom w:val="0"/>
      <w:divBdr>
        <w:top w:val="none" w:sz="0" w:space="0" w:color="auto"/>
        <w:left w:val="none" w:sz="0" w:space="0" w:color="auto"/>
        <w:bottom w:val="none" w:sz="0" w:space="0" w:color="auto"/>
        <w:right w:val="none" w:sz="0" w:space="0" w:color="auto"/>
      </w:divBdr>
      <w:divsChild>
        <w:div w:id="1375883440">
          <w:marLeft w:val="0"/>
          <w:marRight w:val="0"/>
          <w:marTop w:val="0"/>
          <w:marBottom w:val="0"/>
          <w:divBdr>
            <w:top w:val="none" w:sz="0" w:space="0" w:color="auto"/>
            <w:left w:val="none" w:sz="0" w:space="0" w:color="auto"/>
            <w:bottom w:val="none" w:sz="0" w:space="0" w:color="auto"/>
            <w:right w:val="none" w:sz="0" w:space="0" w:color="auto"/>
          </w:divBdr>
          <w:divsChild>
            <w:div w:id="736518868">
              <w:marLeft w:val="0"/>
              <w:marRight w:val="0"/>
              <w:marTop w:val="0"/>
              <w:marBottom w:val="0"/>
              <w:divBdr>
                <w:top w:val="none" w:sz="0" w:space="0" w:color="auto"/>
                <w:left w:val="none" w:sz="0" w:space="0" w:color="auto"/>
                <w:bottom w:val="none" w:sz="0" w:space="0" w:color="auto"/>
                <w:right w:val="none" w:sz="0" w:space="0" w:color="auto"/>
              </w:divBdr>
            </w:div>
            <w:div w:id="345328697">
              <w:marLeft w:val="0"/>
              <w:marRight w:val="0"/>
              <w:marTop w:val="0"/>
              <w:marBottom w:val="0"/>
              <w:divBdr>
                <w:top w:val="none" w:sz="0" w:space="0" w:color="auto"/>
                <w:left w:val="none" w:sz="0" w:space="0" w:color="auto"/>
                <w:bottom w:val="none" w:sz="0" w:space="0" w:color="auto"/>
                <w:right w:val="none" w:sz="0" w:space="0" w:color="auto"/>
              </w:divBdr>
            </w:div>
            <w:div w:id="1875653688">
              <w:marLeft w:val="0"/>
              <w:marRight w:val="0"/>
              <w:marTop w:val="0"/>
              <w:marBottom w:val="0"/>
              <w:divBdr>
                <w:top w:val="none" w:sz="0" w:space="0" w:color="auto"/>
                <w:left w:val="none" w:sz="0" w:space="0" w:color="auto"/>
                <w:bottom w:val="none" w:sz="0" w:space="0" w:color="auto"/>
                <w:right w:val="none" w:sz="0" w:space="0" w:color="auto"/>
              </w:divBdr>
              <w:divsChild>
                <w:div w:id="14603021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82143167">
      <w:bodyDiv w:val="1"/>
      <w:marLeft w:val="0"/>
      <w:marRight w:val="0"/>
      <w:marTop w:val="0"/>
      <w:marBottom w:val="0"/>
      <w:divBdr>
        <w:top w:val="none" w:sz="0" w:space="0" w:color="auto"/>
        <w:left w:val="none" w:sz="0" w:space="0" w:color="auto"/>
        <w:bottom w:val="none" w:sz="0" w:space="0" w:color="auto"/>
        <w:right w:val="none" w:sz="0" w:space="0" w:color="auto"/>
      </w:divBdr>
    </w:div>
    <w:div w:id="546187577">
      <w:bodyDiv w:val="1"/>
      <w:marLeft w:val="0"/>
      <w:marRight w:val="0"/>
      <w:marTop w:val="0"/>
      <w:marBottom w:val="0"/>
      <w:divBdr>
        <w:top w:val="none" w:sz="0" w:space="0" w:color="auto"/>
        <w:left w:val="none" w:sz="0" w:space="0" w:color="auto"/>
        <w:bottom w:val="none" w:sz="0" w:space="0" w:color="auto"/>
        <w:right w:val="none" w:sz="0" w:space="0" w:color="auto"/>
      </w:divBdr>
    </w:div>
    <w:div w:id="939025152">
      <w:bodyDiv w:val="1"/>
      <w:marLeft w:val="0"/>
      <w:marRight w:val="0"/>
      <w:marTop w:val="0"/>
      <w:marBottom w:val="0"/>
      <w:divBdr>
        <w:top w:val="none" w:sz="0" w:space="0" w:color="auto"/>
        <w:left w:val="none" w:sz="0" w:space="0" w:color="auto"/>
        <w:bottom w:val="none" w:sz="0" w:space="0" w:color="auto"/>
        <w:right w:val="none" w:sz="0" w:space="0" w:color="auto"/>
      </w:divBdr>
    </w:div>
    <w:div w:id="14638124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_rels/footer1.xml.rels><?xml version="1.0" encoding="UTF-8" standalone="yes"?>
<Relationships xmlns="http://schemas.openxmlformats.org/package/2006/relationships"><Relationship Id="rId1" Type="http://schemas.openxmlformats.org/officeDocument/2006/relationships/image" Target="media/image2.jpe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199279C-78FE-4610-838C-ABECCF77544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Pages>
  <Words>1130</Words>
  <Characters>5832</Characters>
  <Application>Microsoft Office Word</Application>
  <DocSecurity>0</DocSecurity>
  <Lines>108</Lines>
  <Paragraphs>42</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69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nnybell</dc:creator>
  <cp:lastModifiedBy>Ian Thompson</cp:lastModifiedBy>
  <cp:revision>2</cp:revision>
  <dcterms:created xsi:type="dcterms:W3CDTF">2022-08-18T14:51:00Z</dcterms:created>
  <dcterms:modified xsi:type="dcterms:W3CDTF">2022-08-18T14: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EU 15303972-2.T16117.0010</vt:lpwstr>
  </property>
</Properties>
</file>